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9426"/>
  <workbookPr filterPrivacy="1"/>
  <xr:revisionPtr revIDLastSave="2" documentId="8_{86A24AB0-A268-440D-B79B-BC9F71A4BA77}" xr6:coauthVersionLast="47" xr6:coauthVersionMax="47" xr10:uidLastSave="{FF22C22A-AEE5-4454-ADE4-F7E701CC7ED1}"/>
  <bookViews>
    <workbookView xWindow="-30828" yWindow="-4308" windowWidth="30936" windowHeight="16776" xr2:uid="{00000000-000D-0000-FFFF-FFFF00000000}"/>
  </bookViews>
  <sheets>
    <sheet name="Draft 26-27" sheetId="3" r:id="rId1"/>
    <sheet name="25-26" sheetId="1" r:id="rId2"/>
    <sheet name="Sheet2" sheetId="2" r:id="rId3"/>
  </sheets>
  <definedNames>
    <definedName name="_xlnm.Print_Area" localSheetId="1">'25-26'!$A$1:$L$39</definedName>
    <definedName name="_xlnm.Print_Area" localSheetId="0">'Draft 26-27'!$A$1:$L$39</definedName>
  </definedNames>
  <calcPr calcId="152511"/>
  <extLst>
    <ext xmlns:x15="http://schemas.microsoft.com/office/spreadsheetml/2010/11/main" uri="{140A7094-0E35-4892-8432-C4D2E57EDEB5}">
      <x15:workbookPr chartTrackingRefBase="1"/>
    </ext>
  </extLst>
</workbook>
</file>

<file path=xl/sharedStrings.xml><?xml version="1.0" encoding="utf-8"?>
<sst xmlns="http://schemas.openxmlformats.org/spreadsheetml/2006/main" count="183" uniqueCount="100">
  <si>
    <t>Meetings</t>
  </si>
  <si>
    <t>January</t>
  </si>
  <si>
    <t>February</t>
  </si>
  <si>
    <t>March</t>
  </si>
  <si>
    <t>April</t>
  </si>
  <si>
    <t>May</t>
  </si>
  <si>
    <t>June</t>
  </si>
  <si>
    <t>Launch budget survey</t>
  </si>
  <si>
    <t>Budget Referendum</t>
  </si>
  <si>
    <t>Workshop 1:  6 pm</t>
  </si>
  <si>
    <t>Workshop 2:  6 pm</t>
  </si>
  <si>
    <t>Workshop 3:  6 pm</t>
  </si>
  <si>
    <t>Workshop 4:  6 pm</t>
  </si>
  <si>
    <t>BOF reg</t>
  </si>
  <si>
    <t>BOE reg</t>
  </si>
  <si>
    <t>BOS reg</t>
  </si>
  <si>
    <t>BOF reg &amp; combined budget discussion</t>
  </si>
  <si>
    <t>BOF vote on mill rates</t>
  </si>
  <si>
    <t>Annual Budget Meeting</t>
  </si>
  <si>
    <r>
      <rPr>
        <b/>
        <sz val="11"/>
        <color theme="1"/>
        <rFont val="Aptos Narrow"/>
        <family val="2"/>
        <scheme val="minor"/>
      </rPr>
      <t xml:space="preserve">Worshop 3: </t>
    </r>
    <r>
      <rPr>
        <sz val="11"/>
        <color theme="1"/>
        <rFont val="Aptos Narrow"/>
        <family val="2"/>
        <scheme val="minor"/>
      </rPr>
      <t>Community and human services (youth and social services, C3, library, park &amp; rec, senior services), general govt depts part 2 (elections, planning/code enforcement, engineering, public works)</t>
    </r>
  </si>
  <si>
    <r>
      <rPr>
        <b/>
        <sz val="11"/>
        <color theme="1"/>
        <rFont val="Aptos Narrow"/>
        <family val="2"/>
        <scheme val="minor"/>
      </rPr>
      <t>Workshop 4:</t>
    </r>
    <r>
      <rPr>
        <sz val="11"/>
        <color theme="1"/>
        <rFont val="Aptos Narrow"/>
        <family val="2"/>
        <scheme val="minor"/>
      </rPr>
      <t xml:space="preserve">  BOE follow up</t>
    </r>
  </si>
  <si>
    <r>
      <t xml:space="preserve">Also need to review </t>
    </r>
    <r>
      <rPr>
        <b/>
        <sz val="11"/>
        <color theme="1"/>
        <rFont val="Aptos Narrow"/>
        <family val="2"/>
        <scheme val="minor"/>
      </rPr>
      <t>town &amp; school revenues</t>
    </r>
    <r>
      <rPr>
        <sz val="11"/>
        <color theme="1"/>
        <rFont val="Aptos Narrow"/>
        <family val="2"/>
        <scheme val="minor"/>
      </rPr>
      <t xml:space="preserve"> - include in workshop 4? Or potentially in BOF reg meetings?</t>
    </r>
  </si>
  <si>
    <t>2 motions:  first to issue real estate bills at new mill rate; other to issue personal property &amp; motor vehicle bills at new mill rate
This HAD t o happen on night of referendum last year; confirm with Michelle on timing in this schedule?</t>
  </si>
  <si>
    <t xml:space="preserve">BOF forums - need time before presentations to understand feedback.
</t>
  </si>
  <si>
    <t>Close budget survey</t>
  </si>
  <si>
    <t>Post budget survey results</t>
  </si>
  <si>
    <t xml:space="preserve"> Mon 1/6/2025</t>
  </si>
  <si>
    <t>Mon 1/13/2025</t>
  </si>
  <si>
    <t>Mon 1/20/2025</t>
  </si>
  <si>
    <t>Mon 1/27/2025</t>
  </si>
  <si>
    <t>Mon 2/3/2025</t>
  </si>
  <si>
    <t>Mon 2/10/2025</t>
  </si>
  <si>
    <t>Mon 2/17/2025</t>
  </si>
  <si>
    <t>Mon 2/24/2025</t>
  </si>
  <si>
    <t>Mon 3/3/2025</t>
  </si>
  <si>
    <t>Mon 3/10/2025</t>
  </si>
  <si>
    <t>Mon 3/17/2025</t>
  </si>
  <si>
    <t>Mon 3/24/2025</t>
  </si>
  <si>
    <t>Mon 3/31/2025</t>
  </si>
  <si>
    <t>Mon 4/7/2025</t>
  </si>
  <si>
    <t>Mon 4/14/2025</t>
  </si>
  <si>
    <t>Mon 4/21/2025</t>
  </si>
  <si>
    <t>Mon 4/28/2025</t>
  </si>
  <si>
    <t>Mon 5/5/2025</t>
  </si>
  <si>
    <t>Mon 5/12/2025</t>
  </si>
  <si>
    <t>Mon 5/19/2025</t>
  </si>
  <si>
    <t>Mon 5/26/2025</t>
  </si>
  <si>
    <t>Mon 6/2/2025</t>
  </si>
  <si>
    <t>Mon 6/9/2025</t>
  </si>
  <si>
    <t>Mon 6/16/2025</t>
  </si>
  <si>
    <t>Mon 6/23/2025</t>
  </si>
  <si>
    <t>Mon 6/30/2025</t>
  </si>
  <si>
    <t>Schools closed</t>
  </si>
  <si>
    <t>BOF discussion on changes to budgets / motion to move them back to BOE and Town to prepare for Public Hearing #2</t>
  </si>
  <si>
    <t>BOF reg  &amp; BOF Budget forum #2</t>
  </si>
  <si>
    <t>Announce schedule</t>
  </si>
  <si>
    <t>BOE reg (MOVE); Public Hearing #1</t>
  </si>
  <si>
    <t xml:space="preserve">BUDGET PROCESS TIMELINE </t>
  </si>
  <si>
    <r>
      <t>o</t>
    </r>
    <r>
      <rPr>
        <sz val="14"/>
        <color theme="1"/>
        <rFont val="Times New Roman"/>
        <family val="1"/>
      </rPr>
      <t>  BOF to hold two budget hearings.  One must be at least two weeks prior to the Annual Budget Meeting (State Statute 7-344) (Charter C-601 C (2). Need not be published in Newspaper.  Suggest at least a press release.</t>
    </r>
  </si>
  <si>
    <r>
      <t>o</t>
    </r>
    <r>
      <rPr>
        <sz val="14"/>
        <color theme="1"/>
        <rFont val="Times New Roman"/>
        <family val="1"/>
      </rPr>
      <t xml:space="preserve">  BOE to participate in the BOF budget hearings (Charter C-602 C(2). </t>
    </r>
  </si>
  <si>
    <r>
      <t>o</t>
    </r>
    <r>
      <rPr>
        <sz val="14"/>
        <color theme="1"/>
        <rFont val="Times New Roman"/>
        <family val="1"/>
      </rPr>
      <t>  BOS regular or special meeting would need to be in enough time for Finance to send me the budget summary by the end of the day Tuesday before the Friday publishing in the Rivereast.</t>
    </r>
  </si>
  <si>
    <r>
      <t>o</t>
    </r>
    <r>
      <rPr>
        <sz val="14"/>
        <color theme="1"/>
        <rFont val="Times New Roman"/>
        <family val="1"/>
      </rPr>
      <t xml:space="preserve">  BOS sets dates for Annual or Special Budget Meeting and Referendum. (Charter C-1105a(A)  </t>
    </r>
    <r>
      <rPr>
        <u/>
        <sz val="14"/>
        <color theme="1"/>
        <rFont val="Times New Roman"/>
        <family val="1"/>
      </rPr>
      <t xml:space="preserve">NOTE: </t>
    </r>
    <r>
      <rPr>
        <sz val="14"/>
        <color theme="1"/>
        <rFont val="Times New Roman"/>
        <family val="1"/>
      </rPr>
      <t xml:space="preserve"> The Tax office needs a 10 day turnaround time for billing.</t>
    </r>
    <r>
      <rPr>
        <sz val="14"/>
        <color rgb="FF984806"/>
        <rFont val="Times New Roman"/>
        <family val="1"/>
      </rPr>
      <t xml:space="preserve"> </t>
    </r>
  </si>
  <si>
    <r>
      <t>o</t>
    </r>
    <r>
      <rPr>
        <sz val="14"/>
        <color theme="1"/>
        <rFont val="Times New Roman"/>
        <family val="1"/>
      </rPr>
      <t xml:space="preserve">  Legal Notice to be published at least 5 days prior to the Annual Budget meeting not to include the date of the meeting (Statute 7-3) Must be sent by 10:00am Wednesday for publication in Friday’s Rivereast. </t>
    </r>
  </si>
  <si>
    <r>
      <t>o</t>
    </r>
    <r>
      <rPr>
        <sz val="14"/>
        <color rgb="FFC00000"/>
        <rFont val="Times New Roman"/>
        <family val="1"/>
      </rPr>
      <t xml:space="preserve">  </t>
    </r>
    <r>
      <rPr>
        <sz val="14"/>
        <color theme="1"/>
        <rFont val="Times New Roman"/>
        <family val="1"/>
      </rPr>
      <t xml:space="preserve">Absentee ballots to be available immediately following the Annual Budget Meeting until day prior to referenda. </t>
    </r>
    <r>
      <rPr>
        <sz val="14"/>
        <color rgb="FFC00000"/>
        <rFont val="Times New Roman"/>
        <family val="1"/>
      </rPr>
      <t>(Cannot mail applications or ballots according to statute 9-369c)</t>
    </r>
  </si>
  <si>
    <r>
      <t>o</t>
    </r>
    <r>
      <rPr>
        <sz val="14"/>
        <color theme="1"/>
        <rFont val="Times New Roman"/>
        <family val="1"/>
      </rPr>
      <t xml:space="preserve">  Referendum to be at least 7 days but not more than 14 days after the Annual Budget Meeting. (Statute 7-7)  </t>
    </r>
    <r>
      <rPr>
        <u/>
        <sz val="14"/>
        <color theme="1"/>
        <rFont val="Times New Roman"/>
        <family val="1"/>
      </rPr>
      <t>NOTE</t>
    </r>
    <r>
      <rPr>
        <sz val="14"/>
        <color theme="1"/>
        <rFont val="Times New Roman"/>
        <family val="1"/>
      </rPr>
      <t>:  The longer between dates gives people more time to obtain an Absentee Ballot.</t>
    </r>
  </si>
  <si>
    <r>
      <t>o</t>
    </r>
    <r>
      <rPr>
        <sz val="14"/>
        <color theme="1"/>
        <rFont val="Times New Roman"/>
        <family val="1"/>
      </rPr>
      <t>  If subsequent Referenda are needed, follow same procedures except we don’t need the hearings.</t>
    </r>
  </si>
  <si>
    <r>
      <t>o</t>
    </r>
    <r>
      <rPr>
        <sz val="14"/>
        <color theme="1"/>
        <rFont val="Times New Roman"/>
        <family val="1"/>
      </rPr>
      <t xml:space="preserve">  After successful referenda the BOF sets the mill rates (Charter C-601(3).  </t>
    </r>
    <r>
      <rPr>
        <u/>
        <sz val="14"/>
        <color theme="1"/>
        <rFont val="Times New Roman"/>
        <family val="1"/>
      </rPr>
      <t>NOTE:</t>
    </r>
    <r>
      <rPr>
        <sz val="14"/>
        <color theme="1"/>
        <rFont val="Times New Roman"/>
        <family val="1"/>
      </rPr>
      <t xml:space="preserve">  A separate mill rate must be set for vehicles only.</t>
    </r>
  </si>
  <si>
    <t>Combined budget presentations - both BOE and BOS to present.  'Budget Development Process' document says this should be first Tuesday in March.  Was April 3 last year.</t>
  </si>
  <si>
    <t>BOS' sets mtg date - needs to be in enough time for Finance to send clerk office budget summary by end of Tues (or whatever publishing deadline is for RiverEast the week ahead).</t>
  </si>
  <si>
    <t>Finance office sends summary to clerk</t>
  </si>
  <si>
    <t>Clerk submits to Rivereast</t>
  </si>
  <si>
    <t>Posted in Rivereast</t>
  </si>
  <si>
    <t>BOS special - sets mtg date</t>
  </si>
  <si>
    <t>When does tax billing need to be done?  Tax office needs 10 day TAT for billing.</t>
  </si>
  <si>
    <t>Tentative BOE presentation</t>
  </si>
  <si>
    <t>Tentative BOE workshop</t>
  </si>
  <si>
    <t>BOF Budget forum #1</t>
  </si>
  <si>
    <r>
      <rPr>
        <b/>
        <sz val="11"/>
        <color theme="1"/>
        <rFont val="Aptos Narrow"/>
        <family val="2"/>
        <scheme val="minor"/>
      </rPr>
      <t>Workshop 1:</t>
    </r>
    <r>
      <rPr>
        <sz val="11"/>
        <color theme="1"/>
        <rFont val="Aptos Narrow"/>
        <family val="2"/>
        <scheme val="minor"/>
      </rPr>
      <t xml:space="preserve">   Public safety depts, general govt depts part 1 (first selectman, human resources, finance, tax collector, town clerk, assessor)</t>
    </r>
  </si>
  <si>
    <r>
      <rPr>
        <b/>
        <sz val="11"/>
        <color theme="1"/>
        <rFont val="Aptos Narrow"/>
        <family val="2"/>
        <scheme val="minor"/>
      </rPr>
      <t>Workshop 2:</t>
    </r>
    <r>
      <rPr>
        <sz val="11"/>
        <color theme="1"/>
        <rFont val="Aptos Narrow"/>
        <family val="2"/>
        <scheme val="minor"/>
      </rPr>
      <t xml:space="preserve">  BOE</t>
    </r>
  </si>
  <si>
    <t>BOF Workshop topics:</t>
  </si>
  <si>
    <t>BOF meetings</t>
  </si>
  <si>
    <t>BOS meeting</t>
  </si>
  <si>
    <t>BOE meetings</t>
  </si>
  <si>
    <t>Public Hearing #1</t>
  </si>
  <si>
    <t>Last day of school</t>
  </si>
  <si>
    <t>BOF reg - vote on mill rates</t>
  </si>
  <si>
    <t>Annual Budget Meeting / BOS reg</t>
  </si>
  <si>
    <t>BOF reg / Public Hearing #2 / BOF send to BOS</t>
  </si>
  <si>
    <t>Superintendent BOE budget presentation</t>
  </si>
  <si>
    <t>BOE-run workshop 1</t>
  </si>
  <si>
    <t>BOE-run workshop 2</t>
  </si>
  <si>
    <t>Schools closed or staff unavailable</t>
  </si>
  <si>
    <t>Combined budget presentations - both BOE and BOS to present.  'Budget Development Process' document says this should be first Tuesday in March.  Was 2nd Tuesday last year.</t>
  </si>
  <si>
    <t>Public Hearing #2 / BOF sends to BOS</t>
  </si>
  <si>
    <t>BOF special meeting - BOE reductions</t>
  </si>
  <si>
    <t>BOS reg / sets annual mtg &amp; referendum dates</t>
  </si>
  <si>
    <t>BOF reg  &amp; BOF Budget forum #1</t>
  </si>
  <si>
    <r>
      <rPr>
        <b/>
        <sz val="11"/>
        <color theme="1"/>
        <rFont val="Aptos Narrow"/>
        <family val="2"/>
        <scheme val="minor"/>
      </rPr>
      <t>Workshop 1:</t>
    </r>
    <r>
      <rPr>
        <sz val="11"/>
        <color theme="1"/>
        <rFont val="Aptos Narrow"/>
        <family val="2"/>
        <scheme val="minor"/>
      </rPr>
      <t xml:space="preserve">   To Be Determined - possible combo:  Public safety depts, general govt depts part 1 (first selectman, human resources, finance, tax collector, town clerk, assessor)</t>
    </r>
  </si>
  <si>
    <r>
      <rPr>
        <b/>
        <sz val="11"/>
        <color theme="1"/>
        <rFont val="Aptos Narrow"/>
        <family val="2"/>
        <scheme val="minor"/>
      </rPr>
      <t xml:space="preserve">Worshop 3:  </t>
    </r>
    <r>
      <rPr>
        <sz val="11"/>
        <color theme="1"/>
        <rFont val="Aptos Narrow"/>
        <family val="2"/>
        <scheme val="minor"/>
      </rPr>
      <t xml:space="preserve">To Be Determined - possible combo: </t>
    </r>
    <r>
      <rPr>
        <b/>
        <sz val="11"/>
        <color theme="1"/>
        <rFont val="Aptos Narrow"/>
        <family val="2"/>
        <scheme val="minor"/>
      </rPr>
      <t xml:space="preserve"> </t>
    </r>
    <r>
      <rPr>
        <sz val="11"/>
        <color theme="1"/>
        <rFont val="Aptos Narrow"/>
        <family val="2"/>
        <scheme val="minor"/>
      </rPr>
      <t>Community and human services (youth and social services, C3, library, park &amp; rec, senior services), general govt depts part 2 (elections, planning/code enforcement, engineering, public works)</t>
    </r>
  </si>
  <si>
    <r>
      <rPr>
        <b/>
        <sz val="11"/>
        <color theme="1"/>
        <rFont val="Aptos Narrow"/>
        <family val="2"/>
        <scheme val="minor"/>
      </rPr>
      <t>Workshop 4:</t>
    </r>
    <r>
      <rPr>
        <sz val="11"/>
        <color theme="1"/>
        <rFont val="Aptos Narrow"/>
        <family val="2"/>
        <scheme val="minor"/>
      </rPr>
      <t xml:space="preserve">  BOE follow up  &amp; potentially review of Town and BOE revenue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0" x14ac:knownFonts="1">
    <font>
      <sz val="11"/>
      <color theme="1"/>
      <name val="Aptos Narrow"/>
      <family val="2"/>
      <scheme val="minor"/>
    </font>
    <font>
      <b/>
      <sz val="11"/>
      <color theme="1"/>
      <name val="Aptos Narrow"/>
      <family val="2"/>
      <scheme val="minor"/>
    </font>
    <font>
      <sz val="11"/>
      <color theme="0"/>
      <name val="Aptos Narrow"/>
      <family val="2"/>
      <scheme val="minor"/>
    </font>
    <font>
      <sz val="16"/>
      <color theme="1"/>
      <name val="Times New Roman"/>
      <family val="1"/>
    </font>
    <font>
      <sz val="14"/>
      <color theme="1"/>
      <name val="Courier New"/>
      <family val="3"/>
    </font>
    <font>
      <sz val="14"/>
      <color theme="1"/>
      <name val="Times New Roman"/>
      <family val="1"/>
    </font>
    <font>
      <sz val="14"/>
      <color theme="1"/>
      <name val="Aptos Narrow"/>
      <family val="2"/>
      <scheme val="minor"/>
    </font>
    <font>
      <u/>
      <sz val="14"/>
      <color theme="1"/>
      <name val="Times New Roman"/>
      <family val="1"/>
    </font>
    <font>
      <sz val="14"/>
      <color rgb="FF984806"/>
      <name val="Times New Roman"/>
      <family val="1"/>
    </font>
    <font>
      <sz val="14"/>
      <color rgb="FFC00000"/>
      <name val="Times New Roman"/>
      <family val="1"/>
    </font>
  </fonts>
  <fills count="11">
    <fill>
      <patternFill patternType="none"/>
    </fill>
    <fill>
      <patternFill patternType="gray125"/>
    </fill>
    <fill>
      <patternFill patternType="solid">
        <fgColor theme="0" tint="-0.14999847407452621"/>
        <bgColor indexed="64"/>
      </patternFill>
    </fill>
    <fill>
      <patternFill patternType="solid">
        <fgColor rgb="FFFFC000"/>
        <bgColor indexed="64"/>
      </patternFill>
    </fill>
    <fill>
      <patternFill patternType="solid">
        <fgColor theme="4" tint="0.79998168889431442"/>
        <bgColor indexed="64"/>
      </patternFill>
    </fill>
    <fill>
      <patternFill patternType="solid">
        <fgColor rgb="FFFFFF00"/>
        <bgColor indexed="64"/>
      </patternFill>
    </fill>
    <fill>
      <patternFill patternType="solid">
        <fgColor theme="6" tint="0.79998168889431442"/>
        <bgColor indexed="64"/>
      </patternFill>
    </fill>
    <fill>
      <patternFill patternType="solid">
        <fgColor theme="8" tint="0.79998168889431442"/>
        <bgColor indexed="64"/>
      </patternFill>
    </fill>
    <fill>
      <patternFill patternType="solid">
        <fgColor rgb="FF00B0F0"/>
        <bgColor indexed="64"/>
      </patternFill>
    </fill>
    <fill>
      <patternFill patternType="solid">
        <fgColor theme="0" tint="-0.499984740745262"/>
        <bgColor indexed="64"/>
      </patternFill>
    </fill>
    <fill>
      <patternFill patternType="solid">
        <fgColor theme="8" tint="0.39997558519241921"/>
        <bgColor indexed="64"/>
      </patternFill>
    </fill>
  </fills>
  <borders count="8">
    <border>
      <left/>
      <right/>
      <top/>
      <bottom/>
      <diagonal/>
    </border>
    <border>
      <left style="medium">
        <color indexed="64"/>
      </left>
      <right style="medium">
        <color indexed="64"/>
      </right>
      <top style="medium">
        <color indexed="64"/>
      </top>
      <bottom style="medium">
        <color indexed="64"/>
      </bottom>
      <diagonal/>
    </border>
    <border>
      <left style="medium">
        <color indexed="64"/>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style="medium">
        <color indexed="64"/>
      </right>
      <top/>
      <bottom style="medium">
        <color indexed="64"/>
      </bottom>
      <diagonal/>
    </border>
  </borders>
  <cellStyleXfs count="1">
    <xf numFmtId="0" fontId="0" fillId="0" borderId="0"/>
  </cellStyleXfs>
  <cellXfs count="39">
    <xf numFmtId="0" fontId="0" fillId="0" borderId="0" xfId="0"/>
    <xf numFmtId="0" fontId="0" fillId="4" borderId="0" xfId="0" applyFill="1" applyAlignment="1">
      <alignment wrapText="1"/>
    </xf>
    <xf numFmtId="0" fontId="0" fillId="3" borderId="0" xfId="0" quotePrefix="1" applyFill="1" applyAlignment="1">
      <alignment wrapText="1"/>
    </xf>
    <xf numFmtId="0" fontId="0" fillId="7" borderId="0" xfId="0" applyFill="1" applyAlignment="1">
      <alignment wrapText="1"/>
    </xf>
    <xf numFmtId="0" fontId="2" fillId="9" borderId="2" xfId="0" applyFont="1" applyFill="1" applyBorder="1"/>
    <xf numFmtId="0" fontId="2" fillId="9" borderId="3" xfId="0" applyFont="1" applyFill="1" applyBorder="1"/>
    <xf numFmtId="14" fontId="0" fillId="0" borderId="4" xfId="0" applyNumberFormat="1" applyBorder="1"/>
    <xf numFmtId="0" fontId="0" fillId="0" borderId="5" xfId="0" applyBorder="1"/>
    <xf numFmtId="14" fontId="0" fillId="0" borderId="6" xfId="0" applyNumberFormat="1" applyBorder="1"/>
    <xf numFmtId="0" fontId="0" fillId="0" borderId="7" xfId="0" applyBorder="1"/>
    <xf numFmtId="0" fontId="0" fillId="6" borderId="5" xfId="0" applyFill="1" applyBorder="1"/>
    <xf numFmtId="0" fontId="0" fillId="4" borderId="5" xfId="0" applyFill="1" applyBorder="1"/>
    <xf numFmtId="0" fontId="0" fillId="0" borderId="4" xfId="0" applyBorder="1"/>
    <xf numFmtId="0" fontId="0" fillId="0" borderId="6" xfId="0" applyBorder="1"/>
    <xf numFmtId="0" fontId="0" fillId="3" borderId="5" xfId="0" applyFill="1" applyBorder="1"/>
    <xf numFmtId="0" fontId="0" fillId="7" borderId="5" xfId="0" applyFill="1" applyBorder="1"/>
    <xf numFmtId="0" fontId="0" fillId="5" borderId="5" xfId="0" applyFill="1" applyBorder="1"/>
    <xf numFmtId="0" fontId="0" fillId="8" borderId="5" xfId="0" applyFill="1" applyBorder="1"/>
    <xf numFmtId="0" fontId="1" fillId="7" borderId="0" xfId="0" applyFont="1" applyFill="1" applyAlignment="1">
      <alignment vertical="center" wrapText="1"/>
    </xf>
    <xf numFmtId="0" fontId="0" fillId="2" borderId="5" xfId="0" applyFill="1" applyBorder="1"/>
    <xf numFmtId="0" fontId="0" fillId="2" borderId="0" xfId="0" applyFill="1" applyAlignment="1">
      <alignment vertical="center"/>
    </xf>
    <xf numFmtId="0" fontId="0" fillId="10" borderId="1" xfId="0" applyFill="1" applyBorder="1"/>
    <xf numFmtId="0" fontId="0" fillId="10" borderId="0" xfId="0" applyFill="1" applyAlignment="1">
      <alignment wrapText="1"/>
    </xf>
    <xf numFmtId="0" fontId="3" fillId="0" borderId="0" xfId="0" applyFont="1" applyAlignment="1">
      <alignment horizontal="center" vertical="center"/>
    </xf>
    <xf numFmtId="0" fontId="3" fillId="0" borderId="0" xfId="0" applyFont="1" applyAlignment="1">
      <alignment horizontal="left" vertical="center" indent="6"/>
    </xf>
    <xf numFmtId="0" fontId="5" fillId="0" borderId="0" xfId="0" applyFont="1" applyAlignment="1">
      <alignment horizontal="left" vertical="center" indent="6"/>
    </xf>
    <xf numFmtId="0" fontId="6" fillId="0" borderId="0" xfId="0" applyFont="1"/>
    <xf numFmtId="0" fontId="0" fillId="0" borderId="0" xfId="0" applyAlignment="1">
      <alignment wrapText="1"/>
    </xf>
    <xf numFmtId="0" fontId="0" fillId="6" borderId="0" xfId="0" applyFill="1" applyAlignment="1">
      <alignment wrapText="1"/>
    </xf>
    <xf numFmtId="0" fontId="0" fillId="7" borderId="0" xfId="0" applyFill="1" applyAlignment="1">
      <alignment vertical="center" wrapText="1"/>
    </xf>
    <xf numFmtId="14" fontId="0" fillId="2" borderId="4" xfId="0" applyNumberFormat="1" applyFill="1" applyBorder="1"/>
    <xf numFmtId="14" fontId="0" fillId="2" borderId="6" xfId="0" applyNumberFormat="1" applyFill="1" applyBorder="1"/>
    <xf numFmtId="0" fontId="0" fillId="7" borderId="7" xfId="0" applyFill="1" applyBorder="1"/>
    <xf numFmtId="0" fontId="0" fillId="2" borderId="0" xfId="0" applyFill="1"/>
    <xf numFmtId="0" fontId="0" fillId="2" borderId="0" xfId="0" applyFill="1" applyAlignment="1">
      <alignment vertical="center" wrapText="1"/>
    </xf>
    <xf numFmtId="0" fontId="0" fillId="8" borderId="0" xfId="0" applyFill="1" applyAlignment="1">
      <alignment horizontal="left" vertical="center" wrapText="1"/>
    </xf>
    <xf numFmtId="0" fontId="0" fillId="6" borderId="0" xfId="0" quotePrefix="1" applyFill="1" applyAlignment="1">
      <alignment horizontal="center" wrapText="1"/>
    </xf>
    <xf numFmtId="0" fontId="0" fillId="6" borderId="4" xfId="0" quotePrefix="1" applyFill="1" applyBorder="1" applyAlignment="1">
      <alignment horizontal="center" wrapText="1"/>
    </xf>
    <xf numFmtId="0" fontId="4" fillId="0" borderId="0" xfId="0" applyFont="1" applyAlignment="1">
      <alignment horizontal="left" vertical="center" wrapText="1"/>
    </xf>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worksheet" Target="worksheets/sheet3.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5" Type="http://schemas.openxmlformats.org/officeDocument/2006/relationships/styles" Target="styles.xml"/><Relationship Id="rId4" Type="http://schemas.openxmlformats.org/officeDocument/2006/relationships/theme" Target="theme/theme1.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pageSetUpPr fitToPage="1"/>
  </sheetPr>
  <dimension ref="A1:N39"/>
  <sheetViews>
    <sheetView tabSelected="1" workbookViewId="0">
      <selection activeCell="D31" sqref="D31"/>
    </sheetView>
  </sheetViews>
  <sheetFormatPr defaultRowHeight="15" x14ac:dyDescent="0.25"/>
  <cols>
    <col min="1" max="1" width="13.140625" customWidth="1"/>
    <col min="2" max="2" width="20.42578125" customWidth="1"/>
    <col min="3" max="3" width="13" customWidth="1"/>
    <col min="4" max="4" width="35.85546875" customWidth="1"/>
    <col min="5" max="5" width="12.7109375" customWidth="1"/>
    <col min="6" max="6" width="28" customWidth="1"/>
    <col min="7" max="7" width="13.28515625" customWidth="1"/>
    <col min="8" max="8" width="41.140625" customWidth="1"/>
    <col min="9" max="9" width="13.7109375" customWidth="1"/>
    <col min="10" max="10" width="32.42578125" customWidth="1"/>
    <col min="11" max="11" width="12.7109375" customWidth="1"/>
    <col min="12" max="12" width="17.85546875" customWidth="1"/>
  </cols>
  <sheetData>
    <row r="1" spans="1:14" x14ac:dyDescent="0.25">
      <c r="A1" s="4" t="s">
        <v>1</v>
      </c>
      <c r="B1" s="5" t="s">
        <v>0</v>
      </c>
      <c r="C1" s="4" t="s">
        <v>2</v>
      </c>
      <c r="D1" s="5" t="s">
        <v>0</v>
      </c>
      <c r="E1" s="4" t="s">
        <v>3</v>
      </c>
      <c r="F1" s="5" t="s">
        <v>0</v>
      </c>
      <c r="G1" s="4" t="s">
        <v>4</v>
      </c>
      <c r="H1" s="5" t="s">
        <v>0</v>
      </c>
      <c r="I1" s="4" t="s">
        <v>5</v>
      </c>
      <c r="J1" s="5" t="s">
        <v>0</v>
      </c>
      <c r="K1" s="4" t="s">
        <v>6</v>
      </c>
      <c r="L1" s="5" t="s">
        <v>0</v>
      </c>
    </row>
    <row r="2" spans="1:14" x14ac:dyDescent="0.25">
      <c r="A2" s="6">
        <v>46023</v>
      </c>
      <c r="B2" s="19"/>
      <c r="C2" s="30">
        <v>46054</v>
      </c>
      <c r="D2" s="7"/>
      <c r="E2" s="30">
        <v>46082</v>
      </c>
      <c r="F2" s="7"/>
      <c r="G2" s="6">
        <v>46113</v>
      </c>
      <c r="I2" s="6">
        <v>46143</v>
      </c>
      <c r="J2" s="10" t="s">
        <v>71</v>
      </c>
      <c r="K2" s="6">
        <v>46174</v>
      </c>
      <c r="L2" s="7"/>
      <c r="N2" t="s">
        <v>80</v>
      </c>
    </row>
    <row r="3" spans="1:14" x14ac:dyDescent="0.25">
      <c r="A3" s="6">
        <v>46024</v>
      </c>
      <c r="B3" s="19"/>
      <c r="C3" s="6">
        <v>46055</v>
      </c>
      <c r="D3" s="10" t="s">
        <v>55</v>
      </c>
      <c r="E3" s="6">
        <v>46083</v>
      </c>
      <c r="F3" s="7"/>
      <c r="G3" s="6">
        <v>46114</v>
      </c>
      <c r="I3" s="30">
        <v>46144</v>
      </c>
      <c r="K3" s="6">
        <v>46175</v>
      </c>
      <c r="L3" s="7"/>
      <c r="N3" t="s">
        <v>81</v>
      </c>
    </row>
    <row r="4" spans="1:14" x14ac:dyDescent="0.25">
      <c r="A4" s="30">
        <v>46025</v>
      </c>
      <c r="B4" s="7"/>
      <c r="C4" s="6">
        <v>46056</v>
      </c>
      <c r="E4" s="6">
        <v>46084</v>
      </c>
      <c r="F4" s="14" t="s">
        <v>83</v>
      </c>
      <c r="G4" s="6">
        <v>46115</v>
      </c>
      <c r="H4" s="19"/>
      <c r="I4" s="30">
        <v>46145</v>
      </c>
      <c r="J4" s="7"/>
      <c r="K4" s="6">
        <v>46176</v>
      </c>
      <c r="L4" s="7"/>
      <c r="N4" t="s">
        <v>82</v>
      </c>
    </row>
    <row r="5" spans="1:14" x14ac:dyDescent="0.25">
      <c r="A5" s="30">
        <v>46026</v>
      </c>
      <c r="B5" s="7"/>
      <c r="C5" s="6">
        <v>46057</v>
      </c>
      <c r="E5" s="6">
        <v>46085</v>
      </c>
      <c r="G5" s="30">
        <v>46116</v>
      </c>
      <c r="H5" s="7"/>
      <c r="I5" s="6">
        <v>46146</v>
      </c>
      <c r="J5" s="7"/>
      <c r="K5" s="6">
        <v>46177</v>
      </c>
      <c r="L5" s="7" t="s">
        <v>15</v>
      </c>
    </row>
    <row r="6" spans="1:14" x14ac:dyDescent="0.25">
      <c r="A6" s="6">
        <v>46027</v>
      </c>
      <c r="B6" s="7"/>
      <c r="C6" s="6">
        <v>46058</v>
      </c>
      <c r="D6" s="7" t="s">
        <v>15</v>
      </c>
      <c r="E6" s="6">
        <v>46086</v>
      </c>
      <c r="F6" s="7" t="s">
        <v>15</v>
      </c>
      <c r="G6" s="30">
        <v>46117</v>
      </c>
      <c r="H6" s="7"/>
      <c r="I6" s="6">
        <v>46147</v>
      </c>
      <c r="J6" s="7"/>
      <c r="K6" s="6">
        <v>46178</v>
      </c>
      <c r="L6" s="7"/>
    </row>
    <row r="7" spans="1:14" x14ac:dyDescent="0.25">
      <c r="A7" s="6">
        <v>46028</v>
      </c>
      <c r="B7" s="7"/>
      <c r="C7" s="6">
        <v>46059</v>
      </c>
      <c r="E7" s="6">
        <v>46087</v>
      </c>
      <c r="F7" s="19"/>
      <c r="G7" s="6">
        <v>46118</v>
      </c>
      <c r="H7" s="15" t="s">
        <v>12</v>
      </c>
      <c r="I7" s="6">
        <v>46148</v>
      </c>
      <c r="J7" t="s">
        <v>13</v>
      </c>
      <c r="K7" s="30">
        <v>46179</v>
      </c>
      <c r="L7" s="7"/>
    </row>
    <row r="8" spans="1:14" ht="15.75" thickBot="1" x14ac:dyDescent="0.3">
      <c r="A8" s="6">
        <v>46029</v>
      </c>
      <c r="B8" s="7"/>
      <c r="C8" s="30">
        <v>46060</v>
      </c>
      <c r="E8" s="30">
        <v>46088</v>
      </c>
      <c r="G8" s="6">
        <v>46119</v>
      </c>
      <c r="H8" s="7" t="s">
        <v>14</v>
      </c>
      <c r="I8" s="6">
        <v>46149</v>
      </c>
      <c r="J8" s="10" t="s">
        <v>86</v>
      </c>
      <c r="K8" s="30">
        <v>46180</v>
      </c>
      <c r="L8" s="7"/>
    </row>
    <row r="9" spans="1:14" ht="15.75" thickBot="1" x14ac:dyDescent="0.3">
      <c r="A9" s="6">
        <v>46030</v>
      </c>
      <c r="B9" s="7"/>
      <c r="C9" s="30">
        <v>46061</v>
      </c>
      <c r="D9" s="7"/>
      <c r="E9" s="30">
        <v>46089</v>
      </c>
      <c r="F9" s="7"/>
      <c r="G9" s="6">
        <v>46120</v>
      </c>
      <c r="H9" s="21" t="s">
        <v>16</v>
      </c>
      <c r="I9" s="6">
        <v>46150</v>
      </c>
      <c r="K9" s="6">
        <v>46181</v>
      </c>
      <c r="L9" s="7"/>
    </row>
    <row r="10" spans="1:14" x14ac:dyDescent="0.25">
      <c r="A10" s="6">
        <v>46031</v>
      </c>
      <c r="C10" s="6">
        <v>46062</v>
      </c>
      <c r="D10" s="7"/>
      <c r="E10" s="6">
        <v>46090</v>
      </c>
      <c r="F10" s="7"/>
      <c r="G10" s="6">
        <v>46121</v>
      </c>
      <c r="I10" s="30">
        <v>46151</v>
      </c>
      <c r="J10" s="7"/>
      <c r="K10" s="6">
        <v>46182</v>
      </c>
      <c r="L10" s="7" t="s">
        <v>14</v>
      </c>
    </row>
    <row r="11" spans="1:14" x14ac:dyDescent="0.25">
      <c r="A11" s="30">
        <v>46032</v>
      </c>
      <c r="B11" s="7"/>
      <c r="C11" s="6">
        <v>46063</v>
      </c>
      <c r="D11" s="7" t="s">
        <v>14</v>
      </c>
      <c r="E11" s="6">
        <v>46091</v>
      </c>
      <c r="F11" s="7" t="s">
        <v>14</v>
      </c>
      <c r="G11" s="6">
        <v>46122</v>
      </c>
      <c r="I11" s="30">
        <v>46152</v>
      </c>
      <c r="J11" s="7"/>
      <c r="K11" s="6">
        <v>46183</v>
      </c>
      <c r="L11" s="7" t="s">
        <v>13</v>
      </c>
    </row>
    <row r="12" spans="1:14" x14ac:dyDescent="0.25">
      <c r="A12" s="30">
        <v>46033</v>
      </c>
      <c r="B12" s="7"/>
      <c r="C12" s="6">
        <v>46064</v>
      </c>
      <c r="D12" s="11" t="s">
        <v>96</v>
      </c>
      <c r="E12" s="6">
        <v>46092</v>
      </c>
      <c r="F12" t="s">
        <v>13</v>
      </c>
      <c r="G12" s="30">
        <v>46123</v>
      </c>
      <c r="H12" s="7"/>
      <c r="I12" s="6">
        <v>46153</v>
      </c>
      <c r="J12" s="7"/>
      <c r="K12" s="6">
        <v>46184</v>
      </c>
      <c r="L12" s="7" t="s">
        <v>84</v>
      </c>
    </row>
    <row r="13" spans="1:14" x14ac:dyDescent="0.25">
      <c r="A13" s="6">
        <v>46034</v>
      </c>
      <c r="B13" s="7"/>
      <c r="C13" s="6">
        <v>46065</v>
      </c>
      <c r="D13" s="33"/>
      <c r="E13" s="6">
        <v>46093</v>
      </c>
      <c r="G13" s="30">
        <v>46124</v>
      </c>
      <c r="H13" s="7"/>
      <c r="I13" s="6">
        <v>46154</v>
      </c>
      <c r="J13" s="7" t="s">
        <v>14</v>
      </c>
      <c r="K13" s="6">
        <v>46185</v>
      </c>
      <c r="L13" s="7"/>
    </row>
    <row r="14" spans="1:14" x14ac:dyDescent="0.25">
      <c r="A14" s="6">
        <v>46035</v>
      </c>
      <c r="B14" s="7" t="s">
        <v>14</v>
      </c>
      <c r="C14" s="6">
        <v>46066</v>
      </c>
      <c r="D14" s="33"/>
      <c r="E14" s="6">
        <v>46094</v>
      </c>
      <c r="G14" s="6">
        <v>46125</v>
      </c>
      <c r="H14" s="19"/>
      <c r="I14" s="6">
        <v>46155</v>
      </c>
      <c r="J14" s="7"/>
      <c r="K14" s="30">
        <v>46186</v>
      </c>
      <c r="L14" s="7"/>
    </row>
    <row r="15" spans="1:14" x14ac:dyDescent="0.25">
      <c r="A15" s="6">
        <v>46036</v>
      </c>
      <c r="B15" s="7" t="s">
        <v>13</v>
      </c>
      <c r="C15" s="30">
        <v>46067</v>
      </c>
      <c r="E15" s="30">
        <v>46095</v>
      </c>
      <c r="F15" s="7"/>
      <c r="G15" s="6">
        <v>46126</v>
      </c>
      <c r="H15" s="19"/>
      <c r="I15" s="6">
        <v>46156</v>
      </c>
      <c r="J15" s="7"/>
      <c r="K15" s="30">
        <v>46187</v>
      </c>
      <c r="L15" s="7"/>
    </row>
    <row r="16" spans="1:14" x14ac:dyDescent="0.25">
      <c r="A16" s="6">
        <v>46037</v>
      </c>
      <c r="B16" s="7" t="s">
        <v>15</v>
      </c>
      <c r="C16" s="30">
        <v>46068</v>
      </c>
      <c r="D16" s="7"/>
      <c r="E16" s="30">
        <v>46096</v>
      </c>
      <c r="F16" s="7"/>
      <c r="G16" s="6">
        <v>46127</v>
      </c>
      <c r="H16" s="19"/>
      <c r="I16" s="6">
        <v>46157</v>
      </c>
      <c r="J16" s="7"/>
      <c r="K16" s="6">
        <v>46188</v>
      </c>
      <c r="L16" s="7"/>
    </row>
    <row r="17" spans="1:12" x14ac:dyDescent="0.25">
      <c r="A17" s="6">
        <v>46038</v>
      </c>
      <c r="C17" s="6">
        <v>46069</v>
      </c>
      <c r="D17" s="10" t="s">
        <v>24</v>
      </c>
      <c r="E17" s="6">
        <v>46097</v>
      </c>
      <c r="G17" s="6">
        <v>46128</v>
      </c>
      <c r="H17" s="19" t="s">
        <v>15</v>
      </c>
      <c r="I17" s="30">
        <v>46158</v>
      </c>
      <c r="J17" s="7"/>
      <c r="K17" s="6">
        <v>46189</v>
      </c>
      <c r="L17" s="7"/>
    </row>
    <row r="18" spans="1:12" x14ac:dyDescent="0.25">
      <c r="A18" s="30">
        <v>46039</v>
      </c>
      <c r="C18" s="6">
        <v>46070</v>
      </c>
      <c r="D18" s="19"/>
      <c r="E18" s="6">
        <v>46098</v>
      </c>
      <c r="F18" s="33"/>
      <c r="G18" s="6">
        <v>46129</v>
      </c>
      <c r="H18" s="19"/>
      <c r="I18" s="30">
        <v>46159</v>
      </c>
      <c r="J18" s="7"/>
      <c r="K18" s="6">
        <v>46190</v>
      </c>
      <c r="L18" s="7"/>
    </row>
    <row r="19" spans="1:12" x14ac:dyDescent="0.25">
      <c r="A19" s="30">
        <v>46040</v>
      </c>
      <c r="B19" s="7"/>
      <c r="C19" s="6">
        <v>46071</v>
      </c>
      <c r="D19" t="s">
        <v>88</v>
      </c>
      <c r="E19" s="6">
        <v>46099</v>
      </c>
      <c r="F19" s="15" t="s">
        <v>9</v>
      </c>
      <c r="G19" s="30">
        <v>46130</v>
      </c>
      <c r="I19" s="6">
        <v>46160</v>
      </c>
      <c r="J19" s="7"/>
      <c r="K19" s="6">
        <v>46191</v>
      </c>
      <c r="L19" s="7" t="s">
        <v>15</v>
      </c>
    </row>
    <row r="20" spans="1:12" x14ac:dyDescent="0.25">
      <c r="A20" s="6">
        <v>46041</v>
      </c>
      <c r="B20" s="19"/>
      <c r="C20" s="6">
        <v>46072</v>
      </c>
      <c r="D20" s="7" t="s">
        <v>15</v>
      </c>
      <c r="E20" s="6">
        <v>46100</v>
      </c>
      <c r="F20" s="7" t="s">
        <v>15</v>
      </c>
      <c r="G20" s="30">
        <v>46131</v>
      </c>
      <c r="H20" s="7"/>
      <c r="I20" s="6">
        <v>46161</v>
      </c>
      <c r="J20" s="16" t="s">
        <v>8</v>
      </c>
      <c r="K20" s="6">
        <v>46192</v>
      </c>
      <c r="L20" s="7"/>
    </row>
    <row r="21" spans="1:12" x14ac:dyDescent="0.25">
      <c r="A21" s="6">
        <v>46042</v>
      </c>
      <c r="C21" s="6">
        <v>46073</v>
      </c>
      <c r="D21" s="10" t="s">
        <v>25</v>
      </c>
      <c r="E21" s="6">
        <v>46101</v>
      </c>
      <c r="F21" s="19"/>
      <c r="G21" s="6">
        <v>46132</v>
      </c>
      <c r="I21" s="6">
        <v>46162</v>
      </c>
      <c r="J21" s="17" t="s">
        <v>85</v>
      </c>
      <c r="K21" s="30">
        <v>46193</v>
      </c>
      <c r="L21" s="7"/>
    </row>
    <row r="22" spans="1:12" x14ac:dyDescent="0.25">
      <c r="A22" s="6">
        <v>46043</v>
      </c>
      <c r="B22" s="7"/>
      <c r="C22" s="30">
        <v>46074</v>
      </c>
      <c r="D22" s="7"/>
      <c r="E22" s="30">
        <v>46102</v>
      </c>
      <c r="F22" s="7"/>
      <c r="G22" s="6">
        <v>46133</v>
      </c>
      <c r="I22" s="6">
        <v>46163</v>
      </c>
      <c r="J22" s="7" t="s">
        <v>15</v>
      </c>
      <c r="K22" s="30">
        <v>46194</v>
      </c>
      <c r="L22" s="7"/>
    </row>
    <row r="23" spans="1:12" x14ac:dyDescent="0.25">
      <c r="A23" s="6">
        <v>46044</v>
      </c>
      <c r="B23" s="7"/>
      <c r="C23" s="30">
        <v>46075</v>
      </c>
      <c r="D23" s="7"/>
      <c r="E23" s="30">
        <v>46103</v>
      </c>
      <c r="F23" s="7"/>
      <c r="G23" s="6">
        <v>46134</v>
      </c>
      <c r="H23" s="14" t="s">
        <v>87</v>
      </c>
      <c r="I23" s="6">
        <v>46164</v>
      </c>
      <c r="J23" s="7"/>
      <c r="K23" s="6">
        <v>46195</v>
      </c>
      <c r="L23" s="7"/>
    </row>
    <row r="24" spans="1:12" x14ac:dyDescent="0.25">
      <c r="A24" s="6">
        <v>46045</v>
      </c>
      <c r="C24" s="6">
        <v>46076</v>
      </c>
      <c r="D24" s="7" t="s">
        <v>89</v>
      </c>
      <c r="E24" s="6">
        <v>46104</v>
      </c>
      <c r="F24" s="7"/>
      <c r="G24" s="6">
        <v>46135</v>
      </c>
      <c r="H24" s="10" t="s">
        <v>72</v>
      </c>
      <c r="I24" s="30">
        <v>46165</v>
      </c>
      <c r="J24" s="7"/>
      <c r="K24" s="6">
        <v>46196</v>
      </c>
      <c r="L24" s="7"/>
    </row>
    <row r="25" spans="1:12" x14ac:dyDescent="0.25">
      <c r="A25" s="30">
        <v>46046</v>
      </c>
      <c r="B25" s="7"/>
      <c r="C25" s="6">
        <v>46077</v>
      </c>
      <c r="D25" s="7"/>
      <c r="E25" s="6">
        <v>46105</v>
      </c>
      <c r="F25" s="15" t="s">
        <v>10</v>
      </c>
      <c r="G25" s="6">
        <v>46136</v>
      </c>
      <c r="I25" s="30">
        <v>46166</v>
      </c>
      <c r="J25" s="7"/>
      <c r="K25" s="6">
        <v>46197</v>
      </c>
      <c r="L25" s="7" t="s">
        <v>13</v>
      </c>
    </row>
    <row r="26" spans="1:12" x14ac:dyDescent="0.25">
      <c r="A26" s="30">
        <v>46047</v>
      </c>
      <c r="B26" s="7"/>
      <c r="C26" s="6">
        <v>46078</v>
      </c>
      <c r="D26" s="11" t="s">
        <v>54</v>
      </c>
      <c r="E26" s="6">
        <v>46106</v>
      </c>
      <c r="F26" s="7" t="s">
        <v>13</v>
      </c>
      <c r="G26" s="30">
        <v>46137</v>
      </c>
      <c r="H26" s="7"/>
      <c r="I26" s="6">
        <v>46167</v>
      </c>
      <c r="J26" s="19"/>
      <c r="K26" s="6">
        <v>46198</v>
      </c>
      <c r="L26" s="7"/>
    </row>
    <row r="27" spans="1:12" x14ac:dyDescent="0.25">
      <c r="A27" s="6">
        <v>46048</v>
      </c>
      <c r="B27" s="7"/>
      <c r="C27" s="6">
        <v>46079</v>
      </c>
      <c r="D27" s="7" t="s">
        <v>90</v>
      </c>
      <c r="E27" s="6">
        <v>46107</v>
      </c>
      <c r="G27" s="30">
        <v>46138</v>
      </c>
      <c r="H27" s="7"/>
      <c r="I27" s="6">
        <v>46168</v>
      </c>
      <c r="K27" s="6">
        <v>46199</v>
      </c>
      <c r="L27" s="7"/>
    </row>
    <row r="28" spans="1:12" x14ac:dyDescent="0.25">
      <c r="A28" s="6">
        <v>46049</v>
      </c>
      <c r="B28" s="10" t="s">
        <v>7</v>
      </c>
      <c r="C28" s="6">
        <v>46080</v>
      </c>
      <c r="D28" s="7"/>
      <c r="E28" s="6">
        <v>46108</v>
      </c>
      <c r="G28" s="6">
        <v>46139</v>
      </c>
      <c r="H28" s="10" t="s">
        <v>69</v>
      </c>
      <c r="I28" s="6">
        <v>46169</v>
      </c>
      <c r="J28" s="7"/>
      <c r="K28" s="30">
        <v>46200</v>
      </c>
      <c r="L28" s="7"/>
    </row>
    <row r="29" spans="1:12" x14ac:dyDescent="0.25">
      <c r="A29" s="6">
        <v>46050</v>
      </c>
      <c r="B29" s="7" t="s">
        <v>13</v>
      </c>
      <c r="C29" s="30">
        <v>46081</v>
      </c>
      <c r="D29" s="7"/>
      <c r="E29" s="30">
        <v>46109</v>
      </c>
      <c r="F29" s="7"/>
      <c r="G29" s="6">
        <v>46140</v>
      </c>
      <c r="H29" s="10" t="s">
        <v>70</v>
      </c>
      <c r="I29" s="6">
        <v>46170</v>
      </c>
      <c r="J29" s="7"/>
      <c r="K29" s="30">
        <v>46201</v>
      </c>
      <c r="L29" s="7"/>
    </row>
    <row r="30" spans="1:12" x14ac:dyDescent="0.25">
      <c r="A30" s="6">
        <v>46051</v>
      </c>
      <c r="B30" s="7"/>
      <c r="C30" s="12"/>
      <c r="D30" s="7"/>
      <c r="E30" s="30">
        <v>46110</v>
      </c>
      <c r="F30" s="7"/>
      <c r="G30" s="6">
        <v>46141</v>
      </c>
      <c r="I30" s="6">
        <v>46171</v>
      </c>
      <c r="J30" s="7"/>
      <c r="K30" s="6">
        <v>46202</v>
      </c>
      <c r="L30" s="7"/>
    </row>
    <row r="31" spans="1:12" x14ac:dyDescent="0.25">
      <c r="A31" s="6">
        <v>46052</v>
      </c>
      <c r="B31" s="7"/>
      <c r="C31" s="12"/>
      <c r="D31" s="7"/>
      <c r="E31" s="6">
        <v>46111</v>
      </c>
      <c r="G31" s="6">
        <v>46142</v>
      </c>
      <c r="H31" s="7"/>
      <c r="I31" s="30">
        <v>46172</v>
      </c>
      <c r="J31" s="7"/>
      <c r="K31" s="6">
        <v>46203</v>
      </c>
      <c r="L31" s="7"/>
    </row>
    <row r="32" spans="1:12" ht="15.75" thickBot="1" x14ac:dyDescent="0.3">
      <c r="A32" s="31">
        <v>46053</v>
      </c>
      <c r="B32" s="9"/>
      <c r="C32" s="13"/>
      <c r="D32" s="9"/>
      <c r="E32" s="8">
        <v>46112</v>
      </c>
      <c r="F32" s="32" t="s">
        <v>11</v>
      </c>
      <c r="G32" s="8"/>
      <c r="H32" s="9"/>
      <c r="I32" s="31">
        <v>46173</v>
      </c>
      <c r="J32" s="9"/>
      <c r="K32" s="8"/>
      <c r="L32" s="9"/>
    </row>
    <row r="35" spans="2:12" ht="114" customHeight="1" x14ac:dyDescent="0.25">
      <c r="B35" s="34" t="s">
        <v>91</v>
      </c>
      <c r="D35" s="1" t="s">
        <v>23</v>
      </c>
      <c r="F35" s="2" t="s">
        <v>92</v>
      </c>
      <c r="H35" s="22" t="s">
        <v>53</v>
      </c>
      <c r="J35" s="28" t="s">
        <v>73</v>
      </c>
      <c r="K35" s="36" t="s">
        <v>68</v>
      </c>
      <c r="L35" s="36"/>
    </row>
    <row r="36" spans="2:12" x14ac:dyDescent="0.25">
      <c r="K36" s="36"/>
      <c r="L36" s="36"/>
    </row>
    <row r="37" spans="2:12" ht="93.75" customHeight="1" x14ac:dyDescent="0.25">
      <c r="F37" s="18" t="s">
        <v>79</v>
      </c>
      <c r="H37" s="3" t="s">
        <v>98</v>
      </c>
      <c r="J37" s="35" t="s">
        <v>22</v>
      </c>
      <c r="K37" s="27"/>
    </row>
    <row r="38" spans="2:12" ht="116.25" customHeight="1" x14ac:dyDescent="0.25">
      <c r="F38" s="3" t="s">
        <v>97</v>
      </c>
      <c r="H38" s="29" t="s">
        <v>99</v>
      </c>
      <c r="J38" s="35"/>
    </row>
    <row r="39" spans="2:12" ht="45" x14ac:dyDescent="0.25">
      <c r="F39" s="29" t="s">
        <v>78</v>
      </c>
      <c r="H39" s="3" t="s">
        <v>21</v>
      </c>
      <c r="J39" s="35"/>
    </row>
  </sheetData>
  <mergeCells count="2">
    <mergeCell ref="J37:J39"/>
    <mergeCell ref="K35:L36"/>
  </mergeCells>
  <pageMargins left="0.25" right="0.25" top="0.25" bottom="0.25" header="0.3" footer="0.3"/>
  <pageSetup scale="54" orientation="landscape"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L39"/>
  <sheetViews>
    <sheetView workbookViewId="0">
      <selection activeCell="J3" sqref="J3"/>
    </sheetView>
  </sheetViews>
  <sheetFormatPr defaultRowHeight="15" x14ac:dyDescent="0.25"/>
  <cols>
    <col min="1" max="1" width="13.140625" customWidth="1"/>
    <col min="2" max="2" width="18.85546875" customWidth="1"/>
    <col min="3" max="3" width="13" customWidth="1"/>
    <col min="4" max="4" width="27.7109375" customWidth="1"/>
    <col min="5" max="5" width="12.7109375" customWidth="1"/>
    <col min="6" max="6" width="31.140625" customWidth="1"/>
    <col min="7" max="7" width="13.28515625" customWidth="1"/>
    <col min="8" max="8" width="33.28515625" customWidth="1"/>
    <col min="9" max="9" width="13.7109375" customWidth="1"/>
    <col min="10" max="10" width="38.7109375" customWidth="1"/>
    <col min="11" max="11" width="12.7109375" customWidth="1"/>
    <col min="12" max="12" width="20.140625" customWidth="1"/>
  </cols>
  <sheetData>
    <row r="1" spans="1:12" x14ac:dyDescent="0.25">
      <c r="A1" s="4" t="s">
        <v>1</v>
      </c>
      <c r="B1" s="5" t="s">
        <v>0</v>
      </c>
      <c r="C1" s="4" t="s">
        <v>2</v>
      </c>
      <c r="D1" s="5" t="s">
        <v>0</v>
      </c>
      <c r="E1" s="4" t="s">
        <v>3</v>
      </c>
      <c r="F1" s="5" t="s">
        <v>0</v>
      </c>
      <c r="G1" s="4" t="s">
        <v>4</v>
      </c>
      <c r="H1" s="5" t="s">
        <v>0</v>
      </c>
      <c r="I1" s="4" t="s">
        <v>5</v>
      </c>
      <c r="J1" s="5" t="s">
        <v>0</v>
      </c>
      <c r="K1" s="4" t="s">
        <v>6</v>
      </c>
      <c r="L1" s="5" t="s">
        <v>0</v>
      </c>
    </row>
    <row r="2" spans="1:12" x14ac:dyDescent="0.25">
      <c r="A2" s="6">
        <v>45658</v>
      </c>
      <c r="B2" s="7"/>
      <c r="C2" s="6">
        <v>45689</v>
      </c>
      <c r="D2" s="7"/>
      <c r="E2" s="6">
        <v>45717</v>
      </c>
      <c r="F2" s="7"/>
      <c r="G2" s="6">
        <v>45748</v>
      </c>
      <c r="H2" s="15" t="s">
        <v>12</v>
      </c>
      <c r="I2" s="6">
        <v>45778</v>
      </c>
      <c r="J2" s="10" t="s">
        <v>95</v>
      </c>
      <c r="K2" s="6">
        <v>45809</v>
      </c>
      <c r="L2" s="7"/>
    </row>
    <row r="3" spans="1:12" x14ac:dyDescent="0.25">
      <c r="A3" s="6">
        <v>45659</v>
      </c>
      <c r="B3" s="7"/>
      <c r="C3" s="6">
        <v>45690</v>
      </c>
      <c r="D3" s="7"/>
      <c r="E3" s="6">
        <v>45718</v>
      </c>
      <c r="F3" s="7"/>
      <c r="G3" s="6">
        <v>45749</v>
      </c>
      <c r="H3" s="7"/>
      <c r="I3" s="6">
        <v>45779</v>
      </c>
      <c r="K3" s="6" t="s">
        <v>47</v>
      </c>
      <c r="L3" s="7"/>
    </row>
    <row r="4" spans="1:12" x14ac:dyDescent="0.25">
      <c r="A4" s="6">
        <v>45660</v>
      </c>
      <c r="B4" s="7"/>
      <c r="C4" s="6" t="s">
        <v>30</v>
      </c>
      <c r="D4" s="11" t="s">
        <v>76</v>
      </c>
      <c r="E4" s="6" t="s">
        <v>34</v>
      </c>
      <c r="F4" s="7"/>
      <c r="G4" s="6">
        <v>45750</v>
      </c>
      <c r="H4" s="7" t="s">
        <v>15</v>
      </c>
      <c r="I4" s="6">
        <v>45780</v>
      </c>
      <c r="J4" s="7"/>
      <c r="K4" s="6">
        <v>45811</v>
      </c>
      <c r="L4" s="16" t="s">
        <v>8</v>
      </c>
    </row>
    <row r="5" spans="1:12" x14ac:dyDescent="0.25">
      <c r="A5" s="6">
        <v>45661</v>
      </c>
      <c r="B5" s="7"/>
      <c r="C5" s="6">
        <v>45692</v>
      </c>
      <c r="E5" s="6">
        <v>45720</v>
      </c>
      <c r="G5" s="6">
        <v>45751</v>
      </c>
      <c r="H5" s="7"/>
      <c r="I5" s="6">
        <v>45781</v>
      </c>
      <c r="J5" s="7"/>
      <c r="K5" s="6">
        <v>45812</v>
      </c>
      <c r="L5" s="17" t="s">
        <v>17</v>
      </c>
    </row>
    <row r="6" spans="1:12" x14ac:dyDescent="0.25">
      <c r="A6" s="6">
        <v>45662</v>
      </c>
      <c r="B6" s="7"/>
      <c r="C6" s="6">
        <v>45693</v>
      </c>
      <c r="E6" s="6">
        <v>45721</v>
      </c>
      <c r="F6" s="7"/>
      <c r="G6" s="6">
        <v>45752</v>
      </c>
      <c r="H6" s="7"/>
      <c r="I6" s="6" t="s">
        <v>43</v>
      </c>
      <c r="J6" s="7"/>
      <c r="K6" s="6">
        <v>45813</v>
      </c>
      <c r="L6" s="7" t="s">
        <v>15</v>
      </c>
    </row>
    <row r="7" spans="1:12" x14ac:dyDescent="0.25">
      <c r="A7" s="6" t="s">
        <v>26</v>
      </c>
      <c r="B7" s="7"/>
      <c r="C7" s="6">
        <v>45694</v>
      </c>
      <c r="D7" s="7" t="s">
        <v>15</v>
      </c>
      <c r="E7" s="6">
        <v>45722</v>
      </c>
      <c r="F7" s="7" t="s">
        <v>15</v>
      </c>
      <c r="G7" s="6">
        <v>45753</v>
      </c>
      <c r="H7" s="7"/>
      <c r="I7" s="6">
        <v>45783</v>
      </c>
      <c r="J7" s="10" t="s">
        <v>69</v>
      </c>
      <c r="K7" s="6">
        <v>45814</v>
      </c>
      <c r="L7" s="7"/>
    </row>
    <row r="8" spans="1:12" x14ac:dyDescent="0.25">
      <c r="A8" s="6">
        <v>45664</v>
      </c>
      <c r="B8" s="7"/>
      <c r="C8" s="6">
        <v>45695</v>
      </c>
      <c r="D8" s="10" t="s">
        <v>24</v>
      </c>
      <c r="E8" s="6">
        <v>45723</v>
      </c>
      <c r="F8" s="19"/>
      <c r="G8" s="6" t="s">
        <v>39</v>
      </c>
      <c r="H8" s="7"/>
      <c r="I8" s="6">
        <v>45784</v>
      </c>
      <c r="J8" s="10" t="s">
        <v>70</v>
      </c>
      <c r="K8" s="6">
        <v>45815</v>
      </c>
      <c r="L8" s="7"/>
    </row>
    <row r="9" spans="1:12" ht="15.75" thickBot="1" x14ac:dyDescent="0.3">
      <c r="A9" s="6">
        <v>45665</v>
      </c>
      <c r="B9" s="7" t="s">
        <v>13</v>
      </c>
      <c r="C9" s="6">
        <v>45696</v>
      </c>
      <c r="D9" s="7"/>
      <c r="E9" s="6">
        <v>45724</v>
      </c>
      <c r="F9" s="7"/>
      <c r="G9" s="6">
        <v>45755</v>
      </c>
      <c r="H9" s="7" t="s">
        <v>14</v>
      </c>
      <c r="I9" s="6">
        <v>45785</v>
      </c>
      <c r="K9" s="6">
        <v>45816</v>
      </c>
      <c r="L9" s="7"/>
    </row>
    <row r="10" spans="1:12" ht="15.75" thickBot="1" x14ac:dyDescent="0.3">
      <c r="A10" s="6">
        <v>45666</v>
      </c>
      <c r="C10" s="6">
        <v>45697</v>
      </c>
      <c r="D10" s="7"/>
      <c r="E10" s="6">
        <v>45725</v>
      </c>
      <c r="F10" s="7"/>
      <c r="G10" s="6">
        <v>45756</v>
      </c>
      <c r="H10" s="21" t="s">
        <v>16</v>
      </c>
      <c r="I10" s="6">
        <v>45786</v>
      </c>
      <c r="J10" s="7"/>
      <c r="K10" s="6" t="s">
        <v>48</v>
      </c>
      <c r="L10" s="7"/>
    </row>
    <row r="11" spans="1:12" x14ac:dyDescent="0.25">
      <c r="A11" s="6">
        <v>45667</v>
      </c>
      <c r="B11" s="7"/>
      <c r="C11" s="6" t="s">
        <v>31</v>
      </c>
      <c r="D11" s="10" t="s">
        <v>25</v>
      </c>
      <c r="E11" s="6" t="s">
        <v>35</v>
      </c>
      <c r="F11" s="7"/>
      <c r="G11" s="6">
        <v>45757</v>
      </c>
      <c r="H11" s="7"/>
      <c r="I11" s="6">
        <v>45787</v>
      </c>
      <c r="J11" s="7"/>
      <c r="K11" s="6">
        <v>45818</v>
      </c>
      <c r="L11" s="7" t="s">
        <v>14</v>
      </c>
    </row>
    <row r="12" spans="1:12" x14ac:dyDescent="0.25">
      <c r="A12" s="6">
        <v>45668</v>
      </c>
      <c r="B12" s="7"/>
      <c r="C12" s="6">
        <v>45699</v>
      </c>
      <c r="D12" s="7" t="s">
        <v>14</v>
      </c>
      <c r="E12" s="6">
        <v>45727</v>
      </c>
      <c r="F12" s="14" t="s">
        <v>56</v>
      </c>
      <c r="G12" s="6">
        <v>45758</v>
      </c>
      <c r="H12" s="7"/>
      <c r="I12" s="6">
        <v>45788</v>
      </c>
      <c r="J12" s="10" t="s">
        <v>71</v>
      </c>
      <c r="K12" s="6">
        <v>45819</v>
      </c>
      <c r="L12" s="7" t="s">
        <v>13</v>
      </c>
    </row>
    <row r="13" spans="1:12" x14ac:dyDescent="0.25">
      <c r="A13" s="6">
        <v>45669</v>
      </c>
      <c r="B13" s="7"/>
      <c r="C13" s="6">
        <v>45700</v>
      </c>
      <c r="D13" s="11" t="s">
        <v>54</v>
      </c>
      <c r="E13" s="6">
        <v>45728</v>
      </c>
      <c r="F13" s="7" t="s">
        <v>13</v>
      </c>
      <c r="G13" s="6">
        <v>45759</v>
      </c>
      <c r="H13" s="7"/>
      <c r="I13" s="6" t="s">
        <v>44</v>
      </c>
      <c r="J13" s="7"/>
      <c r="K13" s="6">
        <v>45820</v>
      </c>
      <c r="L13" s="7"/>
    </row>
    <row r="14" spans="1:12" x14ac:dyDescent="0.25">
      <c r="A14" s="6" t="s">
        <v>27</v>
      </c>
      <c r="B14" s="7"/>
      <c r="C14" s="6">
        <v>45701</v>
      </c>
      <c r="D14" s="7"/>
      <c r="E14" s="6">
        <v>45729</v>
      </c>
      <c r="G14" s="6">
        <v>45760</v>
      </c>
      <c r="H14" s="7"/>
      <c r="I14" s="6">
        <v>45790</v>
      </c>
      <c r="J14" s="7" t="s">
        <v>14</v>
      </c>
      <c r="K14" s="6">
        <v>45821</v>
      </c>
      <c r="L14" s="7"/>
    </row>
    <row r="15" spans="1:12" x14ac:dyDescent="0.25">
      <c r="A15" s="6">
        <v>45671</v>
      </c>
      <c r="B15" s="7" t="s">
        <v>14</v>
      </c>
      <c r="C15" s="6">
        <v>45702</v>
      </c>
      <c r="D15" s="19"/>
      <c r="E15" s="6">
        <v>45730</v>
      </c>
      <c r="F15" s="7"/>
      <c r="G15" s="6" t="s">
        <v>40</v>
      </c>
      <c r="H15" s="19"/>
      <c r="I15" s="6">
        <v>45791</v>
      </c>
      <c r="J15" s="7" t="s">
        <v>13</v>
      </c>
      <c r="K15" s="6">
        <v>45822</v>
      </c>
      <c r="L15" s="7"/>
    </row>
    <row r="16" spans="1:12" x14ac:dyDescent="0.25">
      <c r="A16" s="6">
        <v>45672</v>
      </c>
      <c r="B16" s="7"/>
      <c r="C16" s="6">
        <v>45703</v>
      </c>
      <c r="D16" s="7"/>
      <c r="E16" s="6">
        <v>45731</v>
      </c>
      <c r="F16" s="7"/>
      <c r="G16" s="6">
        <v>45762</v>
      </c>
      <c r="H16" s="19"/>
      <c r="I16" s="6">
        <v>45792</v>
      </c>
      <c r="J16" s="7" t="s">
        <v>15</v>
      </c>
      <c r="K16" s="6">
        <v>45823</v>
      </c>
      <c r="L16" s="7"/>
    </row>
    <row r="17" spans="1:12" x14ac:dyDescent="0.25">
      <c r="A17" s="6">
        <v>45673</v>
      </c>
      <c r="B17" s="7" t="s">
        <v>15</v>
      </c>
      <c r="C17" s="6">
        <v>45704</v>
      </c>
      <c r="D17" s="7"/>
      <c r="E17" s="6">
        <v>45732</v>
      </c>
      <c r="F17" s="7"/>
      <c r="G17" s="6">
        <v>45763</v>
      </c>
      <c r="H17" s="19"/>
      <c r="I17" s="6">
        <v>45793</v>
      </c>
      <c r="J17" s="7"/>
      <c r="K17" s="6" t="s">
        <v>49</v>
      </c>
      <c r="L17" s="7"/>
    </row>
    <row r="18" spans="1:12" x14ac:dyDescent="0.25">
      <c r="A18" s="6">
        <v>45674</v>
      </c>
      <c r="B18" s="10" t="s">
        <v>7</v>
      </c>
      <c r="C18" s="6" t="s">
        <v>32</v>
      </c>
      <c r="D18" s="19"/>
      <c r="E18" s="6" t="s">
        <v>36</v>
      </c>
      <c r="F18" s="15" t="s">
        <v>9</v>
      </c>
      <c r="G18" s="6">
        <v>45764</v>
      </c>
      <c r="H18" s="19" t="s">
        <v>15</v>
      </c>
      <c r="I18" s="6">
        <v>45794</v>
      </c>
      <c r="J18" s="7"/>
      <c r="K18" s="6">
        <v>45825</v>
      </c>
      <c r="L18" s="7"/>
    </row>
    <row r="19" spans="1:12" x14ac:dyDescent="0.25">
      <c r="A19" s="6">
        <v>45675</v>
      </c>
      <c r="B19" s="7"/>
      <c r="C19" s="6">
        <v>45706</v>
      </c>
      <c r="D19" s="19"/>
      <c r="E19" s="6">
        <v>45734</v>
      </c>
      <c r="G19" s="6">
        <v>45765</v>
      </c>
      <c r="H19" s="19"/>
      <c r="I19" s="6">
        <v>45795</v>
      </c>
      <c r="J19" s="7"/>
      <c r="K19" s="6">
        <v>45826</v>
      </c>
      <c r="L19" s="7"/>
    </row>
    <row r="20" spans="1:12" x14ac:dyDescent="0.25">
      <c r="A20" s="6">
        <v>45676</v>
      </c>
      <c r="B20" s="7"/>
      <c r="C20" s="6">
        <v>45707</v>
      </c>
      <c r="D20" s="7" t="s">
        <v>74</v>
      </c>
      <c r="E20" s="6">
        <v>45735</v>
      </c>
      <c r="F20" s="15" t="s">
        <v>10</v>
      </c>
      <c r="G20" s="6">
        <v>45766</v>
      </c>
      <c r="H20" s="7"/>
      <c r="I20" s="6" t="s">
        <v>45</v>
      </c>
      <c r="J20" s="7"/>
      <c r="K20" s="6">
        <v>45827</v>
      </c>
      <c r="L20" s="7" t="s">
        <v>15</v>
      </c>
    </row>
    <row r="21" spans="1:12" ht="15.75" thickBot="1" x14ac:dyDescent="0.3">
      <c r="A21" s="6" t="s">
        <v>28</v>
      </c>
      <c r="B21" s="19"/>
      <c r="C21" s="6">
        <v>45708</v>
      </c>
      <c r="D21" s="7" t="s">
        <v>15</v>
      </c>
      <c r="E21" s="6">
        <v>45736</v>
      </c>
      <c r="F21" s="7" t="s">
        <v>15</v>
      </c>
      <c r="G21" s="6">
        <v>45767</v>
      </c>
      <c r="H21" s="7"/>
      <c r="I21" s="6">
        <v>45797</v>
      </c>
      <c r="K21" s="6">
        <v>45828</v>
      </c>
      <c r="L21" s="7"/>
    </row>
    <row r="22" spans="1:12" ht="15.75" thickBot="1" x14ac:dyDescent="0.3">
      <c r="A22" s="6">
        <v>45678</v>
      </c>
      <c r="B22" s="7"/>
      <c r="C22" s="6">
        <v>45709</v>
      </c>
      <c r="D22" s="7"/>
      <c r="E22" s="6">
        <v>45737</v>
      </c>
      <c r="F22" s="7"/>
      <c r="G22" s="6" t="s">
        <v>41</v>
      </c>
      <c r="H22" s="21" t="s">
        <v>94</v>
      </c>
      <c r="I22" s="6">
        <v>45798</v>
      </c>
      <c r="K22" s="6">
        <v>45829</v>
      </c>
      <c r="L22" s="7"/>
    </row>
    <row r="23" spans="1:12" x14ac:dyDescent="0.25">
      <c r="A23" s="6">
        <v>45679</v>
      </c>
      <c r="B23" s="7" t="s">
        <v>13</v>
      </c>
      <c r="C23" s="6">
        <v>45710</v>
      </c>
      <c r="D23" s="7"/>
      <c r="E23" s="6">
        <v>45738</v>
      </c>
      <c r="F23" s="7"/>
      <c r="G23" s="6">
        <v>45769</v>
      </c>
      <c r="H23" s="7"/>
      <c r="I23" s="6">
        <v>45799</v>
      </c>
      <c r="J23" s="10" t="s">
        <v>18</v>
      </c>
      <c r="K23" s="6">
        <v>45830</v>
      </c>
      <c r="L23" s="7"/>
    </row>
    <row r="24" spans="1:12" x14ac:dyDescent="0.25">
      <c r="A24" s="6">
        <v>45680</v>
      </c>
      <c r="B24" s="10" t="s">
        <v>55</v>
      </c>
      <c r="C24" s="6">
        <v>45711</v>
      </c>
      <c r="D24" s="7"/>
      <c r="E24" s="6">
        <v>45739</v>
      </c>
      <c r="F24" s="7"/>
      <c r="G24" s="6">
        <v>45770</v>
      </c>
      <c r="I24" s="6">
        <v>45800</v>
      </c>
      <c r="J24" s="7"/>
      <c r="K24" s="6" t="s">
        <v>50</v>
      </c>
      <c r="L24" s="7"/>
    </row>
    <row r="25" spans="1:12" x14ac:dyDescent="0.25">
      <c r="A25" s="6">
        <v>45681</v>
      </c>
      <c r="B25" s="7"/>
      <c r="C25" s="6" t="s">
        <v>33</v>
      </c>
      <c r="D25" s="7"/>
      <c r="E25" s="6" t="s">
        <v>37</v>
      </c>
      <c r="G25" s="6">
        <v>45771</v>
      </c>
      <c r="I25" s="6">
        <v>45801</v>
      </c>
      <c r="J25" s="7"/>
      <c r="K25" s="6">
        <v>45832</v>
      </c>
      <c r="L25" s="7"/>
    </row>
    <row r="26" spans="1:12" x14ac:dyDescent="0.25">
      <c r="A26" s="6">
        <v>45682</v>
      </c>
      <c r="B26" s="7"/>
      <c r="C26" s="6">
        <v>45713</v>
      </c>
      <c r="D26" s="7" t="s">
        <v>75</v>
      </c>
      <c r="E26" s="6">
        <v>45741</v>
      </c>
      <c r="F26" s="7"/>
      <c r="G26" s="6">
        <v>45772</v>
      </c>
      <c r="H26" s="7"/>
      <c r="I26" s="6">
        <v>45802</v>
      </c>
      <c r="J26" s="7"/>
      <c r="K26" s="6">
        <v>45833</v>
      </c>
      <c r="L26" s="7" t="s">
        <v>13</v>
      </c>
    </row>
    <row r="27" spans="1:12" x14ac:dyDescent="0.25">
      <c r="A27" s="6">
        <v>45683</v>
      </c>
      <c r="B27" s="7"/>
      <c r="C27" s="6">
        <v>45714</v>
      </c>
      <c r="D27" s="7" t="s">
        <v>13</v>
      </c>
      <c r="E27" s="6">
        <v>45742</v>
      </c>
      <c r="F27" s="7" t="s">
        <v>13</v>
      </c>
      <c r="G27" s="6">
        <v>45773</v>
      </c>
      <c r="H27" s="7"/>
      <c r="I27" s="6" t="s">
        <v>46</v>
      </c>
      <c r="J27" s="19"/>
      <c r="K27" s="6">
        <v>45834</v>
      </c>
      <c r="L27" s="7"/>
    </row>
    <row r="28" spans="1:12" x14ac:dyDescent="0.25">
      <c r="A28" s="6" t="s">
        <v>29</v>
      </c>
      <c r="C28" s="6">
        <v>45715</v>
      </c>
      <c r="D28" s="7" t="s">
        <v>75</v>
      </c>
      <c r="E28" s="6">
        <v>45743</v>
      </c>
      <c r="F28" s="15" t="s">
        <v>11</v>
      </c>
      <c r="G28" s="6">
        <v>45774</v>
      </c>
      <c r="I28" s="6">
        <v>45804</v>
      </c>
      <c r="J28" s="7"/>
      <c r="K28" s="6">
        <v>45835</v>
      </c>
      <c r="L28" s="7"/>
    </row>
    <row r="29" spans="1:12" x14ac:dyDescent="0.25">
      <c r="A29" s="6">
        <v>45685</v>
      </c>
      <c r="B29" s="7"/>
      <c r="C29" s="6">
        <v>45716</v>
      </c>
      <c r="D29" s="7"/>
      <c r="E29" s="6">
        <v>45744</v>
      </c>
      <c r="F29" s="7"/>
      <c r="G29" s="6" t="s">
        <v>42</v>
      </c>
      <c r="I29" s="6">
        <v>45805</v>
      </c>
      <c r="J29" s="7" t="s">
        <v>13</v>
      </c>
      <c r="K29" s="6">
        <v>45836</v>
      </c>
      <c r="L29" s="7"/>
    </row>
    <row r="30" spans="1:12" x14ac:dyDescent="0.25">
      <c r="A30" s="6">
        <v>45686</v>
      </c>
      <c r="B30" s="7"/>
      <c r="C30" s="12"/>
      <c r="D30" s="7"/>
      <c r="E30" s="6">
        <v>45745</v>
      </c>
      <c r="F30" s="7"/>
      <c r="G30" s="6">
        <v>45776</v>
      </c>
      <c r="H30" s="14" t="s">
        <v>93</v>
      </c>
      <c r="I30" s="6">
        <v>45806</v>
      </c>
      <c r="J30" s="7"/>
      <c r="K30" s="6">
        <v>45837</v>
      </c>
      <c r="L30" s="7"/>
    </row>
    <row r="31" spans="1:12" x14ac:dyDescent="0.25">
      <c r="A31" s="6">
        <v>45687</v>
      </c>
      <c r="B31" s="7"/>
      <c r="C31" s="12"/>
      <c r="D31" s="7"/>
      <c r="E31" s="6">
        <v>45746</v>
      </c>
      <c r="F31" s="7"/>
      <c r="G31" s="6">
        <v>45777</v>
      </c>
      <c r="H31" s="7"/>
      <c r="I31" s="6">
        <v>45807</v>
      </c>
      <c r="J31" s="7"/>
      <c r="K31" s="6" t="s">
        <v>51</v>
      </c>
      <c r="L31" s="7"/>
    </row>
    <row r="32" spans="1:12" ht="15.75" thickBot="1" x14ac:dyDescent="0.3">
      <c r="A32" s="8">
        <v>45688</v>
      </c>
      <c r="B32" s="9"/>
      <c r="C32" s="13"/>
      <c r="D32" s="9"/>
      <c r="E32" s="8" t="s">
        <v>38</v>
      </c>
      <c r="F32" s="9"/>
      <c r="G32" s="8"/>
      <c r="H32" s="9"/>
      <c r="I32" s="8">
        <v>45808</v>
      </c>
      <c r="J32" s="9"/>
      <c r="K32" s="8"/>
      <c r="L32" s="9"/>
    </row>
    <row r="35" spans="2:12" ht="114" customHeight="1" x14ac:dyDescent="0.25">
      <c r="B35" s="20" t="s">
        <v>52</v>
      </c>
      <c r="D35" s="1" t="s">
        <v>23</v>
      </c>
      <c r="F35" s="2" t="s">
        <v>67</v>
      </c>
      <c r="H35" s="22" t="s">
        <v>53</v>
      </c>
      <c r="J35" s="28" t="s">
        <v>73</v>
      </c>
      <c r="K35" s="37" t="s">
        <v>68</v>
      </c>
      <c r="L35" s="36"/>
    </row>
    <row r="37" spans="2:12" ht="105" x14ac:dyDescent="0.25">
      <c r="F37" s="18" t="s">
        <v>79</v>
      </c>
      <c r="H37" s="3" t="s">
        <v>19</v>
      </c>
      <c r="J37" s="35" t="s">
        <v>22</v>
      </c>
      <c r="K37" s="27"/>
    </row>
    <row r="38" spans="2:12" ht="75" customHeight="1" x14ac:dyDescent="0.25">
      <c r="F38" s="3" t="s">
        <v>77</v>
      </c>
      <c r="H38" s="29" t="s">
        <v>20</v>
      </c>
      <c r="J38" s="35"/>
    </row>
    <row r="39" spans="2:12" ht="45" x14ac:dyDescent="0.25">
      <c r="F39" s="29" t="s">
        <v>78</v>
      </c>
      <c r="H39" s="3" t="s">
        <v>21</v>
      </c>
      <c r="J39" s="35"/>
    </row>
  </sheetData>
  <mergeCells count="2">
    <mergeCell ref="J37:J39"/>
    <mergeCell ref="K35:L35"/>
  </mergeCells>
  <pageMargins left="0.25" right="0.25" top="0.25" bottom="0.25" header="0.3" footer="0.3"/>
  <pageSetup scale="53" orientation="landscape"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B3:S22"/>
  <sheetViews>
    <sheetView workbookViewId="0">
      <selection activeCell="U18" sqref="U18"/>
    </sheetView>
  </sheetViews>
  <sheetFormatPr defaultRowHeight="15" x14ac:dyDescent="0.25"/>
  <sheetData>
    <row r="3" spans="2:19" ht="20.25" x14ac:dyDescent="0.25">
      <c r="B3" s="23"/>
      <c r="C3" s="23" t="s">
        <v>57</v>
      </c>
    </row>
    <row r="4" spans="2:19" ht="20.25" x14ac:dyDescent="0.25">
      <c r="B4" s="23"/>
    </row>
    <row r="5" spans="2:19" ht="72" customHeight="1" x14ac:dyDescent="0.25">
      <c r="B5" s="38" t="s">
        <v>58</v>
      </c>
      <c r="C5" s="38"/>
      <c r="D5" s="38"/>
      <c r="E5" s="38"/>
      <c r="F5" s="38"/>
      <c r="G5" s="38"/>
      <c r="H5" s="38"/>
      <c r="I5" s="38"/>
      <c r="J5" s="38"/>
      <c r="K5" s="38"/>
      <c r="L5" s="38"/>
      <c r="M5" s="38"/>
      <c r="N5" s="38"/>
      <c r="O5" s="38"/>
      <c r="P5" s="38"/>
      <c r="Q5" s="38"/>
      <c r="R5" s="38"/>
      <c r="S5" s="38"/>
    </row>
    <row r="6" spans="2:19" ht="18.75" x14ac:dyDescent="0.3">
      <c r="B6" s="25"/>
      <c r="C6" s="26"/>
      <c r="D6" s="26"/>
      <c r="E6" s="26"/>
      <c r="F6" s="26"/>
      <c r="G6" s="26"/>
      <c r="H6" s="26"/>
      <c r="I6" s="26"/>
      <c r="J6" s="26"/>
      <c r="K6" s="26"/>
      <c r="L6" s="26"/>
      <c r="M6" s="26"/>
      <c r="N6" s="26"/>
      <c r="O6" s="26"/>
      <c r="P6" s="26"/>
      <c r="Q6" s="26"/>
      <c r="R6" s="26"/>
      <c r="S6" s="26"/>
    </row>
    <row r="7" spans="2:19" ht="18.75" x14ac:dyDescent="0.25">
      <c r="B7" s="38" t="s">
        <v>59</v>
      </c>
      <c r="C7" s="38"/>
      <c r="D7" s="38"/>
      <c r="E7" s="38"/>
      <c r="F7" s="38"/>
      <c r="G7" s="38"/>
      <c r="H7" s="38"/>
      <c r="I7" s="38"/>
      <c r="J7" s="38"/>
      <c r="K7" s="38"/>
      <c r="L7" s="38"/>
      <c r="M7" s="38"/>
      <c r="N7" s="38"/>
      <c r="O7" s="38"/>
      <c r="P7" s="38"/>
      <c r="Q7" s="38"/>
      <c r="R7" s="38"/>
      <c r="S7" s="38"/>
    </row>
    <row r="8" spans="2:19" ht="18.75" x14ac:dyDescent="0.3">
      <c r="B8" s="25"/>
      <c r="C8" s="26"/>
      <c r="D8" s="26"/>
      <c r="E8" s="26"/>
      <c r="F8" s="26"/>
      <c r="G8" s="26"/>
      <c r="H8" s="26"/>
      <c r="I8" s="26"/>
      <c r="J8" s="26"/>
      <c r="K8" s="26"/>
      <c r="L8" s="26"/>
      <c r="M8" s="26"/>
      <c r="N8" s="26"/>
      <c r="O8" s="26"/>
      <c r="P8" s="26"/>
      <c r="Q8" s="26"/>
      <c r="R8" s="26"/>
      <c r="S8" s="26"/>
    </row>
    <row r="9" spans="2:19" ht="37.9" customHeight="1" x14ac:dyDescent="0.25">
      <c r="B9" s="38" t="s">
        <v>60</v>
      </c>
      <c r="C9" s="38"/>
      <c r="D9" s="38"/>
      <c r="E9" s="38"/>
      <c r="F9" s="38"/>
      <c r="G9" s="38"/>
      <c r="H9" s="38"/>
      <c r="I9" s="38"/>
      <c r="J9" s="38"/>
      <c r="K9" s="38"/>
      <c r="L9" s="38"/>
      <c r="M9" s="38"/>
      <c r="N9" s="38"/>
      <c r="O9" s="38"/>
      <c r="P9" s="38"/>
      <c r="Q9" s="38"/>
      <c r="R9" s="38"/>
      <c r="S9" s="38"/>
    </row>
    <row r="10" spans="2:19" ht="18.75" x14ac:dyDescent="0.3">
      <c r="B10" s="25"/>
      <c r="C10" s="26"/>
      <c r="D10" s="26"/>
      <c r="E10" s="26"/>
      <c r="F10" s="26"/>
      <c r="G10" s="26"/>
      <c r="H10" s="26"/>
      <c r="I10" s="26"/>
      <c r="J10" s="26"/>
      <c r="K10" s="26"/>
      <c r="L10" s="26"/>
      <c r="M10" s="26"/>
      <c r="N10" s="26"/>
      <c r="O10" s="26"/>
      <c r="P10" s="26"/>
      <c r="Q10" s="26"/>
      <c r="R10" s="26"/>
      <c r="S10" s="26"/>
    </row>
    <row r="11" spans="2:19" ht="36.6" customHeight="1" x14ac:dyDescent="0.25">
      <c r="B11" s="38" t="s">
        <v>61</v>
      </c>
      <c r="C11" s="38"/>
      <c r="D11" s="38"/>
      <c r="E11" s="38"/>
      <c r="F11" s="38"/>
      <c r="G11" s="38"/>
      <c r="H11" s="38"/>
      <c r="I11" s="38"/>
      <c r="J11" s="38"/>
      <c r="K11" s="38"/>
      <c r="L11" s="38"/>
      <c r="M11" s="38"/>
      <c r="N11" s="38"/>
      <c r="O11" s="38"/>
      <c r="P11" s="38"/>
      <c r="Q11" s="38"/>
      <c r="R11" s="38"/>
      <c r="S11" s="38"/>
    </row>
    <row r="12" spans="2:19" ht="18.75" x14ac:dyDescent="0.3">
      <c r="B12" s="25"/>
      <c r="C12" s="26"/>
      <c r="D12" s="26"/>
      <c r="E12" s="26"/>
      <c r="F12" s="26"/>
      <c r="G12" s="26"/>
      <c r="H12" s="26"/>
      <c r="I12" s="26"/>
      <c r="J12" s="26"/>
      <c r="K12" s="26"/>
      <c r="L12" s="26"/>
      <c r="M12" s="26"/>
      <c r="N12" s="26"/>
      <c r="O12" s="26"/>
      <c r="P12" s="26"/>
      <c r="Q12" s="26"/>
      <c r="R12" s="26"/>
      <c r="S12" s="26"/>
    </row>
    <row r="13" spans="2:19" ht="39" customHeight="1" x14ac:dyDescent="0.25">
      <c r="B13" s="38" t="s">
        <v>62</v>
      </c>
      <c r="C13" s="38"/>
      <c r="D13" s="38"/>
      <c r="E13" s="38"/>
      <c r="F13" s="38"/>
      <c r="G13" s="38"/>
      <c r="H13" s="38"/>
      <c r="I13" s="38"/>
      <c r="J13" s="38"/>
      <c r="K13" s="38"/>
      <c r="L13" s="38"/>
      <c r="M13" s="38"/>
      <c r="N13" s="38"/>
      <c r="O13" s="38"/>
      <c r="P13" s="38"/>
      <c r="Q13" s="38"/>
      <c r="R13" s="38"/>
      <c r="S13" s="38"/>
    </row>
    <row r="14" spans="2:19" ht="18.75" x14ac:dyDescent="0.3">
      <c r="B14" s="25"/>
      <c r="C14" s="26"/>
      <c r="D14" s="26"/>
      <c r="E14" s="26"/>
      <c r="F14" s="26"/>
      <c r="G14" s="26"/>
      <c r="H14" s="26"/>
      <c r="I14" s="26"/>
      <c r="J14" s="26"/>
      <c r="K14" s="26"/>
      <c r="L14" s="26"/>
      <c r="M14" s="26"/>
      <c r="N14" s="26"/>
      <c r="O14" s="26"/>
      <c r="P14" s="26"/>
      <c r="Q14" s="26"/>
      <c r="R14" s="26"/>
      <c r="S14" s="26"/>
    </row>
    <row r="15" spans="2:19" ht="40.15" customHeight="1" x14ac:dyDescent="0.25">
      <c r="B15" s="38" t="s">
        <v>63</v>
      </c>
      <c r="C15" s="38"/>
      <c r="D15" s="38"/>
      <c r="E15" s="38"/>
      <c r="F15" s="38"/>
      <c r="G15" s="38"/>
      <c r="H15" s="38"/>
      <c r="I15" s="38"/>
      <c r="J15" s="38"/>
      <c r="K15" s="38"/>
      <c r="L15" s="38"/>
      <c r="M15" s="38"/>
      <c r="N15" s="38"/>
      <c r="O15" s="38"/>
      <c r="P15" s="38"/>
      <c r="Q15" s="38"/>
      <c r="R15" s="38"/>
      <c r="S15" s="38"/>
    </row>
    <row r="16" spans="2:19" ht="18.75" x14ac:dyDescent="0.3">
      <c r="B16" s="25"/>
      <c r="C16" s="26"/>
      <c r="D16" s="26"/>
      <c r="E16" s="26"/>
      <c r="F16" s="26"/>
      <c r="G16" s="26"/>
      <c r="H16" s="26"/>
      <c r="I16" s="26"/>
      <c r="J16" s="26"/>
      <c r="K16" s="26"/>
      <c r="L16" s="26"/>
      <c r="M16" s="26"/>
      <c r="N16" s="26"/>
      <c r="O16" s="26"/>
      <c r="P16" s="26"/>
      <c r="Q16" s="26"/>
      <c r="R16" s="26"/>
      <c r="S16" s="26"/>
    </row>
    <row r="17" spans="2:19" ht="38.450000000000003" customHeight="1" x14ac:dyDescent="0.25">
      <c r="B17" s="38" t="s">
        <v>64</v>
      </c>
      <c r="C17" s="38"/>
      <c r="D17" s="38"/>
      <c r="E17" s="38"/>
      <c r="F17" s="38"/>
      <c r="G17" s="38"/>
      <c r="H17" s="38"/>
      <c r="I17" s="38"/>
      <c r="J17" s="38"/>
      <c r="K17" s="38"/>
      <c r="L17" s="38"/>
      <c r="M17" s="38"/>
      <c r="N17" s="38"/>
      <c r="O17" s="38"/>
      <c r="P17" s="38"/>
      <c r="Q17" s="38"/>
      <c r="R17" s="38"/>
      <c r="S17" s="38"/>
    </row>
    <row r="18" spans="2:19" ht="18.75" x14ac:dyDescent="0.3">
      <c r="B18" s="25"/>
      <c r="C18" s="26"/>
      <c r="D18" s="26"/>
      <c r="E18" s="26"/>
      <c r="F18" s="26"/>
      <c r="G18" s="26"/>
      <c r="H18" s="26"/>
      <c r="I18" s="26"/>
      <c r="J18" s="26"/>
      <c r="K18" s="26"/>
      <c r="L18" s="26"/>
      <c r="M18" s="26"/>
      <c r="N18" s="26"/>
      <c r="O18" s="26"/>
      <c r="P18" s="26"/>
      <c r="Q18" s="26"/>
      <c r="R18" s="26"/>
      <c r="S18" s="26"/>
    </row>
    <row r="19" spans="2:19" ht="26.45" customHeight="1" x14ac:dyDescent="0.25">
      <c r="B19" s="38" t="s">
        <v>65</v>
      </c>
      <c r="C19" s="38"/>
      <c r="D19" s="38"/>
      <c r="E19" s="38"/>
      <c r="F19" s="38"/>
      <c r="G19" s="38"/>
      <c r="H19" s="38"/>
      <c r="I19" s="38"/>
      <c r="J19" s="38"/>
      <c r="K19" s="38"/>
      <c r="L19" s="38"/>
      <c r="M19" s="38"/>
      <c r="N19" s="38"/>
      <c r="O19" s="38"/>
      <c r="P19" s="38"/>
      <c r="Q19" s="38"/>
      <c r="R19" s="38"/>
      <c r="S19" s="38"/>
    </row>
    <row r="20" spans="2:19" ht="18.75" x14ac:dyDescent="0.3">
      <c r="B20" s="25"/>
      <c r="C20" s="26"/>
      <c r="D20" s="26"/>
      <c r="E20" s="26"/>
      <c r="F20" s="26"/>
      <c r="G20" s="26"/>
      <c r="H20" s="26"/>
      <c r="I20" s="26"/>
      <c r="J20" s="26"/>
      <c r="K20" s="26"/>
      <c r="L20" s="26"/>
      <c r="M20" s="26"/>
      <c r="N20" s="26"/>
      <c r="O20" s="26"/>
      <c r="P20" s="26"/>
      <c r="Q20" s="26"/>
      <c r="R20" s="26"/>
      <c r="S20" s="26"/>
    </row>
    <row r="21" spans="2:19" ht="24.6" customHeight="1" x14ac:dyDescent="0.25">
      <c r="B21" s="38" t="s">
        <v>66</v>
      </c>
      <c r="C21" s="38"/>
      <c r="D21" s="38"/>
      <c r="E21" s="38"/>
      <c r="F21" s="38"/>
      <c r="G21" s="38"/>
      <c r="H21" s="38"/>
      <c r="I21" s="38"/>
      <c r="J21" s="38"/>
      <c r="K21" s="38"/>
      <c r="L21" s="38"/>
      <c r="M21" s="38"/>
      <c r="N21" s="38"/>
      <c r="O21" s="38"/>
      <c r="P21" s="38"/>
      <c r="Q21" s="38"/>
      <c r="R21" s="38"/>
      <c r="S21" s="38"/>
    </row>
    <row r="22" spans="2:19" ht="20.25" x14ac:dyDescent="0.25">
      <c r="B22" s="24"/>
    </row>
  </sheetData>
  <mergeCells count="9">
    <mergeCell ref="B15:S15"/>
    <mergeCell ref="B17:S17"/>
    <mergeCell ref="B19:S19"/>
    <mergeCell ref="B21:S21"/>
    <mergeCell ref="B5:S5"/>
    <mergeCell ref="B7:S7"/>
    <mergeCell ref="B9:S9"/>
    <mergeCell ref="B11:S11"/>
    <mergeCell ref="B13:S13"/>
  </mergeCells>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95683244-26A1-4746-B006-DA51C31C8A86}">
  <ds:schemaRefs/>
</ds:datastoreItem>
</file>

<file path=customXml/itemProps2.xml><?xml version="1.0" encoding="utf-8"?>
<ds:datastoreItem xmlns:ds="http://schemas.openxmlformats.org/officeDocument/2006/customXml" ds:itemID="{09488BA5-2623-4FB4-BE56-5C12DE10E8BB}">
  <ds:schemaRefs/>
</ds:datastoreItem>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4" baseType="variant">
      <vt:variant>
        <vt:lpstr>Worksheets</vt:lpstr>
      </vt:variant>
      <vt:variant>
        <vt:i4>3</vt:i4>
      </vt:variant>
      <vt:variant>
        <vt:lpstr>Named Ranges</vt:lpstr>
      </vt:variant>
      <vt:variant>
        <vt:i4>2</vt:i4>
      </vt:variant>
    </vt:vector>
  </HeadingPairs>
  <TitlesOfParts>
    <vt:vector size="5" baseType="lpstr">
      <vt:lpstr>Draft 26-27</vt:lpstr>
      <vt:lpstr>25-26</vt:lpstr>
      <vt:lpstr>Sheet2</vt:lpstr>
      <vt:lpstr>'25-26'!Print_Area</vt:lpstr>
      <vt:lpstr>'Draft 26-27'!Print_Area</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10-28T19:38:54Z</dcterms:created>
  <dcterms:modified xsi:type="dcterms:W3CDTF">2026-02-02T16:35: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igna</vt:lpwstr>
  </property>
  <property fmtid="{D5CDD505-2E9C-101B-9397-08002B2CF9AE}" pid="3" name="TemplafyTemplateId">
    <vt:lpwstr>1031319307673141273</vt:lpwstr>
  </property>
  <property fmtid="{D5CDD505-2E9C-101B-9397-08002B2CF9AE}" pid="4" name="TemplafyUserProfileId">
    <vt:lpwstr>1029532643302834954</vt:lpwstr>
  </property>
  <property fmtid="{D5CDD505-2E9C-101B-9397-08002B2CF9AE}" pid="5" name="TemplafyFromBlank">
    <vt:bool>true</vt:bool>
  </property>
  <property fmtid="{D5CDD505-2E9C-101B-9397-08002B2CF9AE}" pid="6" name="MSIP_Label_b195fec1-33f7-4cab-8a17-aa30fc06e0fe_Enabled">
    <vt:lpwstr>true</vt:lpwstr>
  </property>
  <property fmtid="{D5CDD505-2E9C-101B-9397-08002B2CF9AE}" pid="7" name="MSIP_Label_b195fec1-33f7-4cab-8a17-aa30fc06e0fe_SetDate">
    <vt:lpwstr>2025-12-04T19:41:56Z</vt:lpwstr>
  </property>
  <property fmtid="{D5CDD505-2E9C-101B-9397-08002B2CF9AE}" pid="8" name="MSIP_Label_b195fec1-33f7-4cab-8a17-aa30fc06e0fe_Method">
    <vt:lpwstr>Privileged</vt:lpwstr>
  </property>
  <property fmtid="{D5CDD505-2E9C-101B-9397-08002B2CF9AE}" pid="9" name="MSIP_Label_b195fec1-33f7-4cab-8a17-aa30fc06e0fe_Name">
    <vt:lpwstr>Public</vt:lpwstr>
  </property>
  <property fmtid="{D5CDD505-2E9C-101B-9397-08002B2CF9AE}" pid="10" name="MSIP_Label_b195fec1-33f7-4cab-8a17-aa30fc06e0fe_SiteId">
    <vt:lpwstr>791b26cb-3fdf-47c3-b85d-bd9f037e3e7f</vt:lpwstr>
  </property>
  <property fmtid="{D5CDD505-2E9C-101B-9397-08002B2CF9AE}" pid="11" name="MSIP_Label_b195fec1-33f7-4cab-8a17-aa30fc06e0fe_ActionId">
    <vt:lpwstr>791b1306-c72e-4ee2-bdec-9e0a6454750d</vt:lpwstr>
  </property>
  <property fmtid="{D5CDD505-2E9C-101B-9397-08002B2CF9AE}" pid="12" name="MSIP_Label_b195fec1-33f7-4cab-8a17-aa30fc06e0fe_ContentBits">
    <vt:lpwstr>0</vt:lpwstr>
  </property>
  <property fmtid="{D5CDD505-2E9C-101B-9397-08002B2CF9AE}" pid="13" name="MSIP_Label_b195fec1-33f7-4cab-8a17-aa30fc06e0fe_Tag">
    <vt:lpwstr>10, 0, 1, 1</vt:lpwstr>
  </property>
</Properties>
</file>